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026"/>
  <workbookPr/>
  <mc:AlternateContent xmlns:mc="http://schemas.openxmlformats.org/markup-compatibility/2006">
    <mc:Choice Requires="x15">
      <x15ac:absPath xmlns:x15ac="http://schemas.microsoft.com/office/spreadsheetml/2010/11/ac" url="D:\MARCI\ISKOLA\VERSENY\KöMaL\09\i488\"/>
    </mc:Choice>
  </mc:AlternateContent>
  <xr:revisionPtr revIDLastSave="0" documentId="13_ncr:1_{EF517895-6129-44AC-9BD0-615FC99A0673}" xr6:coauthVersionLast="45" xr6:coauthVersionMax="45" xr10:uidLastSave="{00000000-0000-0000-0000-000000000000}"/>
  <bookViews>
    <workbookView xWindow="22455" yWindow="4155" windowWidth="28980" windowHeight="15840" xr2:uid="{00000000-000D-0000-FFFF-FFFF00000000}"/>
  </bookViews>
  <sheets>
    <sheet name="kep" sheetId="1" r:id="rId1"/>
    <sheet name="szamolas" sheetId="2" r:id="rId2"/>
    <sheet name="eredmeny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6" i="3" l="1" a="1"/>
  <c r="C6" i="3" s="1"/>
  <c r="C5" i="3" a="1"/>
  <c r="C5" i="3" s="1"/>
  <c r="C4" i="3" a="1"/>
  <c r="C4" i="3" s="1"/>
  <c r="B3" i="2"/>
  <c r="C3" i="2"/>
  <c r="D3" i="2"/>
  <c r="E3" i="2"/>
  <c r="F3" i="2"/>
  <c r="G3" i="2"/>
  <c r="H3" i="2"/>
  <c r="I3" i="2"/>
  <c r="J3" i="2"/>
  <c r="K3" i="2"/>
  <c r="L3" i="2"/>
  <c r="M3" i="2"/>
  <c r="N3" i="2"/>
  <c r="O3" i="2"/>
  <c r="P3" i="2"/>
  <c r="Q3" i="2"/>
  <c r="R3" i="2"/>
  <c r="S3" i="2"/>
  <c r="T3" i="2"/>
  <c r="U3" i="2"/>
  <c r="V3" i="2"/>
  <c r="W3" i="2"/>
  <c r="X3" i="2"/>
  <c r="Y3" i="2"/>
  <c r="Z3" i="2"/>
  <c r="AA3" i="2"/>
  <c r="AB3" i="2"/>
  <c r="AC3" i="2"/>
  <c r="AD3" i="2"/>
  <c r="AE3" i="2"/>
  <c r="AF3" i="2"/>
  <c r="AG3" i="2"/>
  <c r="AH3" i="2"/>
  <c r="AI3" i="2"/>
  <c r="AJ3" i="2"/>
  <c r="AK3" i="2"/>
  <c r="AL3" i="2"/>
  <c r="AM3" i="2"/>
  <c r="AN3" i="2"/>
  <c r="AO3" i="2"/>
  <c r="AP3" i="2"/>
  <c r="AQ3" i="2"/>
  <c r="AR3" i="2"/>
  <c r="AS3" i="2"/>
  <c r="AT3" i="2"/>
  <c r="AU3" i="2"/>
  <c r="AV3" i="2"/>
  <c r="AW3" i="2"/>
  <c r="AX3" i="2"/>
  <c r="AY3" i="2"/>
  <c r="B4" i="2"/>
  <c r="C4" i="2"/>
  <c r="D4" i="2"/>
  <c r="E4" i="2"/>
  <c r="F4" i="2"/>
  <c r="G4" i="2"/>
  <c r="H4" i="2"/>
  <c r="I4" i="2"/>
  <c r="J4" i="2"/>
  <c r="K4" i="2"/>
  <c r="L4" i="2"/>
  <c r="M4" i="2"/>
  <c r="N4" i="2"/>
  <c r="O4" i="2"/>
  <c r="P4" i="2"/>
  <c r="Q4" i="2"/>
  <c r="R4" i="2"/>
  <c r="S4" i="2"/>
  <c r="T4" i="2"/>
  <c r="U4" i="2"/>
  <c r="V4" i="2"/>
  <c r="W4" i="2"/>
  <c r="X4" i="2"/>
  <c r="Y4" i="2"/>
  <c r="Z4" i="2"/>
  <c r="AA4" i="2"/>
  <c r="AB4" i="2"/>
  <c r="AC4" i="2"/>
  <c r="AD4" i="2"/>
  <c r="AE4" i="2"/>
  <c r="AF4" i="2"/>
  <c r="AG4" i="2"/>
  <c r="AH4" i="2"/>
  <c r="AI4" i="2"/>
  <c r="AJ4" i="2"/>
  <c r="AK4" i="2"/>
  <c r="AL4" i="2"/>
  <c r="AM4" i="2"/>
  <c r="AN4" i="2"/>
  <c r="AO4" i="2"/>
  <c r="AP4" i="2"/>
  <c r="AQ4" i="2"/>
  <c r="AR4" i="2"/>
  <c r="AS4" i="2"/>
  <c r="AT4" i="2"/>
  <c r="AU4" i="2"/>
  <c r="AV4" i="2"/>
  <c r="AW4" i="2"/>
  <c r="AX4" i="2"/>
  <c r="AY4" i="2"/>
  <c r="B5" i="2"/>
  <c r="C5" i="2"/>
  <c r="D5" i="2"/>
  <c r="E5" i="2"/>
  <c r="F5" i="2"/>
  <c r="G5" i="2"/>
  <c r="H5" i="2"/>
  <c r="I5" i="2"/>
  <c r="J5" i="2"/>
  <c r="K5" i="2"/>
  <c r="L5" i="2"/>
  <c r="M5" i="2"/>
  <c r="N5" i="2"/>
  <c r="O5" i="2"/>
  <c r="P5" i="2"/>
  <c r="Q5" i="2"/>
  <c r="R5" i="2"/>
  <c r="S5" i="2"/>
  <c r="T5" i="2"/>
  <c r="U5" i="2"/>
  <c r="V5" i="2"/>
  <c r="W5" i="2"/>
  <c r="X5" i="2"/>
  <c r="Y5" i="2"/>
  <c r="Z5" i="2"/>
  <c r="AA5" i="2"/>
  <c r="AB5" i="2"/>
  <c r="AC5" i="2"/>
  <c r="AD5" i="2"/>
  <c r="AE5" i="2"/>
  <c r="AF5" i="2"/>
  <c r="AG5" i="2"/>
  <c r="AH5" i="2"/>
  <c r="AI5" i="2"/>
  <c r="AJ5" i="2"/>
  <c r="AK5" i="2"/>
  <c r="AL5" i="2"/>
  <c r="AM5" i="2"/>
  <c r="AN5" i="2"/>
  <c r="AO5" i="2"/>
  <c r="AP5" i="2"/>
  <c r="AQ5" i="2"/>
  <c r="AR5" i="2"/>
  <c r="AS5" i="2"/>
  <c r="AT5" i="2"/>
  <c r="AU5" i="2"/>
  <c r="AV5" i="2"/>
  <c r="AW5" i="2"/>
  <c r="AX5" i="2"/>
  <c r="AY5" i="2"/>
  <c r="B6" i="2"/>
  <c r="C6" i="2"/>
  <c r="D6" i="2"/>
  <c r="E6" i="2"/>
  <c r="F6" i="2"/>
  <c r="G6" i="2"/>
  <c r="H6" i="2"/>
  <c r="I6" i="2"/>
  <c r="J6" i="2"/>
  <c r="K6" i="2"/>
  <c r="L6" i="2"/>
  <c r="M6" i="2"/>
  <c r="N6" i="2"/>
  <c r="O6" i="2"/>
  <c r="P6" i="2"/>
  <c r="Q6" i="2"/>
  <c r="R6" i="2"/>
  <c r="S6" i="2"/>
  <c r="T6" i="2"/>
  <c r="U6" i="2"/>
  <c r="V6" i="2"/>
  <c r="W6" i="2"/>
  <c r="X6" i="2"/>
  <c r="Y6" i="2"/>
  <c r="Z6" i="2"/>
  <c r="AA6" i="2"/>
  <c r="AB6" i="2"/>
  <c r="AC6" i="2"/>
  <c r="AD6" i="2"/>
  <c r="AE6" i="2"/>
  <c r="AF6" i="2"/>
  <c r="AG6" i="2"/>
  <c r="AH6" i="2"/>
  <c r="AI6" i="2"/>
  <c r="AJ6" i="2"/>
  <c r="AK6" i="2"/>
  <c r="AL6" i="2"/>
  <c r="AM6" i="2"/>
  <c r="AN6" i="2"/>
  <c r="AO6" i="2"/>
  <c r="AP6" i="2"/>
  <c r="AQ6" i="2"/>
  <c r="AR6" i="2"/>
  <c r="AS6" i="2"/>
  <c r="AT6" i="2"/>
  <c r="AU6" i="2"/>
  <c r="AV6" i="2"/>
  <c r="AW6" i="2"/>
  <c r="AX6" i="2"/>
  <c r="AY6" i="2"/>
  <c r="B7" i="2"/>
  <c r="C7" i="2"/>
  <c r="D7" i="2"/>
  <c r="E7" i="2"/>
  <c r="F7" i="2"/>
  <c r="G7" i="2"/>
  <c r="H7" i="2"/>
  <c r="I7" i="2"/>
  <c r="J7" i="2"/>
  <c r="K7" i="2"/>
  <c r="L7" i="2"/>
  <c r="M7" i="2"/>
  <c r="N7" i="2"/>
  <c r="O7" i="2"/>
  <c r="P7" i="2"/>
  <c r="Q7" i="2"/>
  <c r="R7" i="2"/>
  <c r="S7" i="2"/>
  <c r="T7" i="2"/>
  <c r="U7" i="2"/>
  <c r="V7" i="2"/>
  <c r="W7" i="2"/>
  <c r="X7" i="2"/>
  <c r="Y7" i="2"/>
  <c r="Z7" i="2"/>
  <c r="AA7" i="2"/>
  <c r="AB7" i="2"/>
  <c r="AC7" i="2"/>
  <c r="AD7" i="2"/>
  <c r="AE7" i="2"/>
  <c r="AF7" i="2"/>
  <c r="AG7" i="2"/>
  <c r="AH7" i="2"/>
  <c r="AI7" i="2"/>
  <c r="AJ7" i="2"/>
  <c r="AK7" i="2"/>
  <c r="AL7" i="2"/>
  <c r="AM7" i="2"/>
  <c r="AN7" i="2"/>
  <c r="AO7" i="2"/>
  <c r="AP7" i="2"/>
  <c r="AQ7" i="2"/>
  <c r="AR7" i="2"/>
  <c r="AS7" i="2"/>
  <c r="AT7" i="2"/>
  <c r="AU7" i="2"/>
  <c r="AV7" i="2"/>
  <c r="AW7" i="2"/>
  <c r="AX7" i="2"/>
  <c r="AY7" i="2"/>
  <c r="B8" i="2"/>
  <c r="C8" i="2"/>
  <c r="D8" i="2"/>
  <c r="E8" i="2"/>
  <c r="F8" i="2"/>
  <c r="G8" i="2"/>
  <c r="H8" i="2"/>
  <c r="I8" i="2"/>
  <c r="J8" i="2"/>
  <c r="K8" i="2"/>
  <c r="L8" i="2"/>
  <c r="M8" i="2"/>
  <c r="N8" i="2"/>
  <c r="O8" i="2"/>
  <c r="P8" i="2"/>
  <c r="Q8" i="2"/>
  <c r="R8" i="2"/>
  <c r="S8" i="2"/>
  <c r="T8" i="2"/>
  <c r="U8" i="2"/>
  <c r="V8" i="2"/>
  <c r="W8" i="2"/>
  <c r="X8" i="2"/>
  <c r="Y8" i="2"/>
  <c r="Z8" i="2"/>
  <c r="AA8" i="2"/>
  <c r="AB8" i="2"/>
  <c r="AC8" i="2"/>
  <c r="AD8" i="2"/>
  <c r="AE8" i="2"/>
  <c r="AF8" i="2"/>
  <c r="AG8" i="2"/>
  <c r="AH8" i="2"/>
  <c r="AI8" i="2"/>
  <c r="AJ8" i="2"/>
  <c r="AK8" i="2"/>
  <c r="AL8" i="2"/>
  <c r="AM8" i="2"/>
  <c r="AN8" i="2"/>
  <c r="AO8" i="2"/>
  <c r="AP8" i="2"/>
  <c r="AQ8" i="2"/>
  <c r="AR8" i="2"/>
  <c r="AS8" i="2"/>
  <c r="AT8" i="2"/>
  <c r="AU8" i="2"/>
  <c r="AV8" i="2"/>
  <c r="AW8" i="2"/>
  <c r="AX8" i="2"/>
  <c r="AY8" i="2"/>
  <c r="B9" i="2"/>
  <c r="C9" i="2"/>
  <c r="D9" i="2"/>
  <c r="E9" i="2"/>
  <c r="F9" i="2"/>
  <c r="G9" i="2"/>
  <c r="H9" i="2"/>
  <c r="I9" i="2"/>
  <c r="J9" i="2"/>
  <c r="K9" i="2"/>
  <c r="L9" i="2"/>
  <c r="M9" i="2"/>
  <c r="N9" i="2"/>
  <c r="O9" i="2"/>
  <c r="P9" i="2"/>
  <c r="Q9" i="2"/>
  <c r="R9" i="2"/>
  <c r="S9" i="2"/>
  <c r="T9" i="2"/>
  <c r="U9" i="2"/>
  <c r="V9" i="2"/>
  <c r="W9" i="2"/>
  <c r="X9" i="2"/>
  <c r="Y9" i="2"/>
  <c r="Z9" i="2"/>
  <c r="AA9" i="2"/>
  <c r="AB9" i="2"/>
  <c r="AC9" i="2"/>
  <c r="AD9" i="2"/>
  <c r="AE9" i="2"/>
  <c r="AF9" i="2"/>
  <c r="AG9" i="2"/>
  <c r="AH9" i="2"/>
  <c r="AI9" i="2"/>
  <c r="AJ9" i="2"/>
  <c r="AK9" i="2"/>
  <c r="AL9" i="2"/>
  <c r="AM9" i="2"/>
  <c r="AN9" i="2"/>
  <c r="AO9" i="2"/>
  <c r="AP9" i="2"/>
  <c r="AQ9" i="2"/>
  <c r="AR9" i="2"/>
  <c r="AS9" i="2"/>
  <c r="AT9" i="2"/>
  <c r="AU9" i="2"/>
  <c r="AV9" i="2"/>
  <c r="AW9" i="2"/>
  <c r="AX9" i="2"/>
  <c r="AY9" i="2"/>
  <c r="B10" i="2"/>
  <c r="C10" i="2"/>
  <c r="D10" i="2"/>
  <c r="E10" i="2"/>
  <c r="F10" i="2"/>
  <c r="G10" i="2"/>
  <c r="H10" i="2"/>
  <c r="I10" i="2"/>
  <c r="J10" i="2"/>
  <c r="K10" i="2"/>
  <c r="L10" i="2"/>
  <c r="M10" i="2"/>
  <c r="N10" i="2"/>
  <c r="O10" i="2"/>
  <c r="P10" i="2"/>
  <c r="Q10" i="2"/>
  <c r="R10" i="2"/>
  <c r="S10" i="2"/>
  <c r="T10" i="2"/>
  <c r="U10" i="2"/>
  <c r="V10" i="2"/>
  <c r="W10" i="2"/>
  <c r="X10" i="2"/>
  <c r="Y10" i="2"/>
  <c r="Z10" i="2"/>
  <c r="AA10" i="2"/>
  <c r="AB10" i="2"/>
  <c r="AC10" i="2"/>
  <c r="AD10" i="2"/>
  <c r="AE10" i="2"/>
  <c r="AF10" i="2"/>
  <c r="AG10" i="2"/>
  <c r="AH10" i="2"/>
  <c r="AI10" i="2"/>
  <c r="AJ10" i="2"/>
  <c r="AK10" i="2"/>
  <c r="AL10" i="2"/>
  <c r="AM10" i="2"/>
  <c r="AN10" i="2"/>
  <c r="AO10" i="2"/>
  <c r="AP10" i="2"/>
  <c r="AQ10" i="2"/>
  <c r="AR10" i="2"/>
  <c r="AS10" i="2"/>
  <c r="AT10" i="2"/>
  <c r="AU10" i="2"/>
  <c r="AV10" i="2"/>
  <c r="AW10" i="2"/>
  <c r="AX10" i="2"/>
  <c r="AY10" i="2"/>
  <c r="B11" i="2"/>
  <c r="C11" i="2"/>
  <c r="D11" i="2"/>
  <c r="E11" i="2"/>
  <c r="F11" i="2"/>
  <c r="G11" i="2"/>
  <c r="H11" i="2"/>
  <c r="I11" i="2"/>
  <c r="J11" i="2"/>
  <c r="K11" i="2"/>
  <c r="L11" i="2"/>
  <c r="M11" i="2"/>
  <c r="N11" i="2"/>
  <c r="O11" i="2"/>
  <c r="P11" i="2"/>
  <c r="Q11" i="2"/>
  <c r="R11" i="2"/>
  <c r="S11" i="2"/>
  <c r="T11" i="2"/>
  <c r="U11" i="2"/>
  <c r="V11" i="2"/>
  <c r="W11" i="2"/>
  <c r="X11" i="2"/>
  <c r="Y11" i="2"/>
  <c r="Z11" i="2"/>
  <c r="AA11" i="2"/>
  <c r="AB11" i="2"/>
  <c r="AC11" i="2"/>
  <c r="AD11" i="2"/>
  <c r="AE11" i="2"/>
  <c r="AF11" i="2"/>
  <c r="AG11" i="2"/>
  <c r="AH11" i="2"/>
  <c r="AI11" i="2"/>
  <c r="AJ11" i="2"/>
  <c r="AK11" i="2"/>
  <c r="AL11" i="2"/>
  <c r="AM11" i="2"/>
  <c r="AN11" i="2"/>
  <c r="AO11" i="2"/>
  <c r="AP11" i="2"/>
  <c r="AQ11" i="2"/>
  <c r="AR11" i="2"/>
  <c r="AS11" i="2"/>
  <c r="AT11" i="2"/>
  <c r="AU11" i="2"/>
  <c r="AV11" i="2"/>
  <c r="AW11" i="2"/>
  <c r="AX11" i="2"/>
  <c r="AY11" i="2"/>
  <c r="B12" i="2"/>
  <c r="C12" i="2"/>
  <c r="D12" i="2"/>
  <c r="E12" i="2"/>
  <c r="F12" i="2"/>
  <c r="G12" i="2"/>
  <c r="H12" i="2"/>
  <c r="I12" i="2"/>
  <c r="J12" i="2"/>
  <c r="K12" i="2"/>
  <c r="L12" i="2"/>
  <c r="M12" i="2"/>
  <c r="N12" i="2"/>
  <c r="O12" i="2"/>
  <c r="P12" i="2"/>
  <c r="Q12" i="2"/>
  <c r="R12" i="2"/>
  <c r="S12" i="2"/>
  <c r="T12" i="2"/>
  <c r="U12" i="2"/>
  <c r="V12" i="2"/>
  <c r="W12" i="2"/>
  <c r="X12" i="2"/>
  <c r="Y12" i="2"/>
  <c r="Z12" i="2"/>
  <c r="AA12" i="2"/>
  <c r="AB12" i="2"/>
  <c r="AC12" i="2"/>
  <c r="AD12" i="2"/>
  <c r="AE12" i="2"/>
  <c r="AF12" i="2"/>
  <c r="AG12" i="2"/>
  <c r="AH12" i="2"/>
  <c r="AI12" i="2"/>
  <c r="AJ12" i="2"/>
  <c r="AK12" i="2"/>
  <c r="AL12" i="2"/>
  <c r="AM12" i="2"/>
  <c r="AN12" i="2"/>
  <c r="AO12" i="2"/>
  <c r="AP12" i="2"/>
  <c r="AQ12" i="2"/>
  <c r="AR12" i="2"/>
  <c r="AS12" i="2"/>
  <c r="AT12" i="2"/>
  <c r="AU12" i="2"/>
  <c r="AV12" i="2"/>
  <c r="AW12" i="2"/>
  <c r="AX12" i="2"/>
  <c r="AY12" i="2"/>
  <c r="B13" i="2"/>
  <c r="C13" i="2"/>
  <c r="D13" i="2"/>
  <c r="E13" i="2"/>
  <c r="F13" i="2"/>
  <c r="G13" i="2"/>
  <c r="H13" i="2"/>
  <c r="I13" i="2"/>
  <c r="J13" i="2"/>
  <c r="K13" i="2"/>
  <c r="L13" i="2"/>
  <c r="M13" i="2"/>
  <c r="N13" i="2"/>
  <c r="O13" i="2"/>
  <c r="P13" i="2"/>
  <c r="Q13" i="2"/>
  <c r="R13" i="2"/>
  <c r="S13" i="2"/>
  <c r="T13" i="2"/>
  <c r="U13" i="2"/>
  <c r="V13" i="2"/>
  <c r="W13" i="2"/>
  <c r="X13" i="2"/>
  <c r="Y13" i="2"/>
  <c r="Z13" i="2"/>
  <c r="AA13" i="2"/>
  <c r="AB13" i="2"/>
  <c r="AC13" i="2"/>
  <c r="AD13" i="2"/>
  <c r="AE13" i="2"/>
  <c r="AF13" i="2"/>
  <c r="AG13" i="2"/>
  <c r="AH13" i="2"/>
  <c r="AI13" i="2"/>
  <c r="AJ13" i="2"/>
  <c r="AK13" i="2"/>
  <c r="AL13" i="2"/>
  <c r="AM13" i="2"/>
  <c r="AN13" i="2"/>
  <c r="AO13" i="2"/>
  <c r="AP13" i="2"/>
  <c r="AQ13" i="2"/>
  <c r="AR13" i="2"/>
  <c r="AS13" i="2"/>
  <c r="AT13" i="2"/>
  <c r="AU13" i="2"/>
  <c r="AV13" i="2"/>
  <c r="AW13" i="2"/>
  <c r="AX13" i="2"/>
  <c r="AY13" i="2"/>
  <c r="B14" i="2"/>
  <c r="C14" i="2"/>
  <c r="D14" i="2"/>
  <c r="E14" i="2"/>
  <c r="F14" i="2"/>
  <c r="G14" i="2"/>
  <c r="H14" i="2"/>
  <c r="I14" i="2"/>
  <c r="J14" i="2"/>
  <c r="K14" i="2"/>
  <c r="L14" i="2"/>
  <c r="M14" i="2"/>
  <c r="N14" i="2"/>
  <c r="O14" i="2"/>
  <c r="P14" i="2"/>
  <c r="Q14" i="2"/>
  <c r="R14" i="2"/>
  <c r="S14" i="2"/>
  <c r="T14" i="2"/>
  <c r="U14" i="2"/>
  <c r="V14" i="2"/>
  <c r="W14" i="2"/>
  <c r="X14" i="2"/>
  <c r="Y14" i="2"/>
  <c r="Z14" i="2"/>
  <c r="AA14" i="2"/>
  <c r="AB14" i="2"/>
  <c r="AC14" i="2"/>
  <c r="AD14" i="2"/>
  <c r="AE14" i="2"/>
  <c r="AF14" i="2"/>
  <c r="AG14" i="2"/>
  <c r="AH14" i="2"/>
  <c r="AI14" i="2"/>
  <c r="AJ14" i="2"/>
  <c r="AK14" i="2"/>
  <c r="AL14" i="2"/>
  <c r="AM14" i="2"/>
  <c r="AN14" i="2"/>
  <c r="AO14" i="2"/>
  <c r="AP14" i="2"/>
  <c r="AQ14" i="2"/>
  <c r="AR14" i="2"/>
  <c r="AS14" i="2"/>
  <c r="AT14" i="2"/>
  <c r="AU14" i="2"/>
  <c r="AV14" i="2"/>
  <c r="AW14" i="2"/>
  <c r="AX14" i="2"/>
  <c r="AY14" i="2"/>
  <c r="B15" i="2"/>
  <c r="C15" i="2"/>
  <c r="D15" i="2"/>
  <c r="E15" i="2"/>
  <c r="F15" i="2"/>
  <c r="G15" i="2"/>
  <c r="H15" i="2"/>
  <c r="I15" i="2"/>
  <c r="J15" i="2"/>
  <c r="K15" i="2"/>
  <c r="L15" i="2"/>
  <c r="M15" i="2"/>
  <c r="N15" i="2"/>
  <c r="O15" i="2"/>
  <c r="P15" i="2"/>
  <c r="Q15" i="2"/>
  <c r="R15" i="2"/>
  <c r="S15" i="2"/>
  <c r="T15" i="2"/>
  <c r="U15" i="2"/>
  <c r="V15" i="2"/>
  <c r="W15" i="2"/>
  <c r="X15" i="2"/>
  <c r="Y15" i="2"/>
  <c r="Z15" i="2"/>
  <c r="AA15" i="2"/>
  <c r="AB15" i="2"/>
  <c r="AC15" i="2"/>
  <c r="AD15" i="2"/>
  <c r="AE15" i="2"/>
  <c r="AF15" i="2"/>
  <c r="AG15" i="2"/>
  <c r="AH15" i="2"/>
  <c r="AI15" i="2"/>
  <c r="AJ15" i="2"/>
  <c r="AK15" i="2"/>
  <c r="AL15" i="2"/>
  <c r="AM15" i="2"/>
  <c r="AN15" i="2"/>
  <c r="AO15" i="2"/>
  <c r="AP15" i="2"/>
  <c r="AQ15" i="2"/>
  <c r="AR15" i="2"/>
  <c r="AS15" i="2"/>
  <c r="AT15" i="2"/>
  <c r="AU15" i="2"/>
  <c r="AV15" i="2"/>
  <c r="AW15" i="2"/>
  <c r="AX15" i="2"/>
  <c r="AY15" i="2"/>
  <c r="B16" i="2"/>
  <c r="C16" i="2"/>
  <c r="D16" i="2"/>
  <c r="E16" i="2"/>
  <c r="F16" i="2"/>
  <c r="G16" i="2"/>
  <c r="H16" i="2"/>
  <c r="I16" i="2"/>
  <c r="J16" i="2"/>
  <c r="K16" i="2"/>
  <c r="L16" i="2"/>
  <c r="M16" i="2"/>
  <c r="N16" i="2"/>
  <c r="O16" i="2"/>
  <c r="P16" i="2"/>
  <c r="Q16" i="2"/>
  <c r="R16" i="2"/>
  <c r="S16" i="2"/>
  <c r="T16" i="2"/>
  <c r="U16" i="2"/>
  <c r="V16" i="2"/>
  <c r="W16" i="2"/>
  <c r="X16" i="2"/>
  <c r="Y16" i="2"/>
  <c r="Z16" i="2"/>
  <c r="AA16" i="2"/>
  <c r="AB16" i="2"/>
  <c r="AC16" i="2"/>
  <c r="AD16" i="2"/>
  <c r="AE16" i="2"/>
  <c r="AF16" i="2"/>
  <c r="AG16" i="2"/>
  <c r="AH16" i="2"/>
  <c r="AI16" i="2"/>
  <c r="AJ16" i="2"/>
  <c r="AK16" i="2"/>
  <c r="AL16" i="2"/>
  <c r="AM16" i="2"/>
  <c r="AN16" i="2"/>
  <c r="AO16" i="2"/>
  <c r="AP16" i="2"/>
  <c r="AQ16" i="2"/>
  <c r="AR16" i="2"/>
  <c r="AS16" i="2"/>
  <c r="AT16" i="2"/>
  <c r="AU16" i="2"/>
  <c r="AV16" i="2"/>
  <c r="AW16" i="2"/>
  <c r="AX16" i="2"/>
  <c r="AY16" i="2"/>
  <c r="B17" i="2"/>
  <c r="C17" i="2"/>
  <c r="D17" i="2"/>
  <c r="E17" i="2"/>
  <c r="F17" i="2"/>
  <c r="G17" i="2"/>
  <c r="H17" i="2"/>
  <c r="I17" i="2"/>
  <c r="J17" i="2"/>
  <c r="K17" i="2"/>
  <c r="L17" i="2"/>
  <c r="M17" i="2"/>
  <c r="N17" i="2"/>
  <c r="O17" i="2"/>
  <c r="P17" i="2"/>
  <c r="Q17" i="2"/>
  <c r="R17" i="2"/>
  <c r="S17" i="2"/>
  <c r="T17" i="2"/>
  <c r="U17" i="2"/>
  <c r="V17" i="2"/>
  <c r="W17" i="2"/>
  <c r="X17" i="2"/>
  <c r="Y17" i="2"/>
  <c r="Z17" i="2"/>
  <c r="AA17" i="2"/>
  <c r="AB17" i="2"/>
  <c r="AC17" i="2"/>
  <c r="AD17" i="2"/>
  <c r="AE17" i="2"/>
  <c r="AF17" i="2"/>
  <c r="AG17" i="2"/>
  <c r="AH17" i="2"/>
  <c r="AI17" i="2"/>
  <c r="AJ17" i="2"/>
  <c r="AK17" i="2"/>
  <c r="AL17" i="2"/>
  <c r="AM17" i="2"/>
  <c r="AN17" i="2"/>
  <c r="AO17" i="2"/>
  <c r="AP17" i="2"/>
  <c r="AQ17" i="2"/>
  <c r="AR17" i="2"/>
  <c r="AS17" i="2"/>
  <c r="AT17" i="2"/>
  <c r="AU17" i="2"/>
  <c r="AV17" i="2"/>
  <c r="AW17" i="2"/>
  <c r="AX17" i="2"/>
  <c r="AY17" i="2"/>
  <c r="B18" i="2"/>
  <c r="C18" i="2"/>
  <c r="D18" i="2"/>
  <c r="E18" i="2"/>
  <c r="F18" i="2"/>
  <c r="G18" i="2"/>
  <c r="H18" i="2"/>
  <c r="I18" i="2"/>
  <c r="J18" i="2"/>
  <c r="K18" i="2"/>
  <c r="L18" i="2"/>
  <c r="M18" i="2"/>
  <c r="N18" i="2"/>
  <c r="O18" i="2"/>
  <c r="P18" i="2"/>
  <c r="Q18" i="2"/>
  <c r="R18" i="2"/>
  <c r="S18" i="2"/>
  <c r="T18" i="2"/>
  <c r="U18" i="2"/>
  <c r="V18" i="2"/>
  <c r="W18" i="2"/>
  <c r="X18" i="2"/>
  <c r="Y18" i="2"/>
  <c r="Z18" i="2"/>
  <c r="AA18" i="2"/>
  <c r="AB18" i="2"/>
  <c r="AC18" i="2"/>
  <c r="AD18" i="2"/>
  <c r="AE18" i="2"/>
  <c r="AF18" i="2"/>
  <c r="AG18" i="2"/>
  <c r="AH18" i="2"/>
  <c r="AI18" i="2"/>
  <c r="AJ18" i="2"/>
  <c r="AK18" i="2"/>
  <c r="AL18" i="2"/>
  <c r="AM18" i="2"/>
  <c r="AN18" i="2"/>
  <c r="AO18" i="2"/>
  <c r="AP18" i="2"/>
  <c r="AQ18" i="2"/>
  <c r="AR18" i="2"/>
  <c r="AS18" i="2"/>
  <c r="AT18" i="2"/>
  <c r="AU18" i="2"/>
  <c r="AV18" i="2"/>
  <c r="AW18" i="2"/>
  <c r="AX18" i="2"/>
  <c r="AY18" i="2"/>
  <c r="B19" i="2"/>
  <c r="C19" i="2"/>
  <c r="D19" i="2"/>
  <c r="E19" i="2"/>
  <c r="F19" i="2"/>
  <c r="G19" i="2"/>
  <c r="H19" i="2"/>
  <c r="I19" i="2"/>
  <c r="J19" i="2"/>
  <c r="K19" i="2"/>
  <c r="L19" i="2"/>
  <c r="M19" i="2"/>
  <c r="N19" i="2"/>
  <c r="O19" i="2"/>
  <c r="P19" i="2"/>
  <c r="Q19" i="2"/>
  <c r="R19" i="2"/>
  <c r="S19" i="2"/>
  <c r="T19" i="2"/>
  <c r="U19" i="2"/>
  <c r="V19" i="2"/>
  <c r="W19" i="2"/>
  <c r="X19" i="2"/>
  <c r="Y19" i="2"/>
  <c r="Z19" i="2"/>
  <c r="AA19" i="2"/>
  <c r="AB19" i="2"/>
  <c r="AC19" i="2"/>
  <c r="AD19" i="2"/>
  <c r="AE19" i="2"/>
  <c r="AF19" i="2"/>
  <c r="AG19" i="2"/>
  <c r="AH19" i="2"/>
  <c r="AI19" i="2"/>
  <c r="AJ19" i="2"/>
  <c r="AK19" i="2"/>
  <c r="AL19" i="2"/>
  <c r="AM19" i="2"/>
  <c r="AN19" i="2"/>
  <c r="AO19" i="2"/>
  <c r="AP19" i="2"/>
  <c r="AQ19" i="2"/>
  <c r="AR19" i="2"/>
  <c r="AS19" i="2"/>
  <c r="AT19" i="2"/>
  <c r="AU19" i="2"/>
  <c r="AV19" i="2"/>
  <c r="AW19" i="2"/>
  <c r="AX19" i="2"/>
  <c r="AY19" i="2"/>
  <c r="B20" i="2"/>
  <c r="C20" i="2"/>
  <c r="D20" i="2"/>
  <c r="E20" i="2"/>
  <c r="F20" i="2"/>
  <c r="G20" i="2"/>
  <c r="H20" i="2"/>
  <c r="I20" i="2"/>
  <c r="J20" i="2"/>
  <c r="K20" i="2"/>
  <c r="L20" i="2"/>
  <c r="M20" i="2"/>
  <c r="N20" i="2"/>
  <c r="O20" i="2"/>
  <c r="P20" i="2"/>
  <c r="Q20" i="2"/>
  <c r="R20" i="2"/>
  <c r="S20" i="2"/>
  <c r="T20" i="2"/>
  <c r="U20" i="2"/>
  <c r="V20" i="2"/>
  <c r="W20" i="2"/>
  <c r="X20" i="2"/>
  <c r="Y20" i="2"/>
  <c r="Z20" i="2"/>
  <c r="AA20" i="2"/>
  <c r="AB20" i="2"/>
  <c r="AC20" i="2"/>
  <c r="AD20" i="2"/>
  <c r="AE20" i="2"/>
  <c r="AF20" i="2"/>
  <c r="AG20" i="2"/>
  <c r="AH20" i="2"/>
  <c r="AI20" i="2"/>
  <c r="AJ20" i="2"/>
  <c r="AK20" i="2"/>
  <c r="AL20" i="2"/>
  <c r="AM20" i="2"/>
  <c r="AN20" i="2"/>
  <c r="AO20" i="2"/>
  <c r="AP20" i="2"/>
  <c r="AQ20" i="2"/>
  <c r="AR20" i="2"/>
  <c r="AS20" i="2"/>
  <c r="AT20" i="2"/>
  <c r="AU20" i="2"/>
  <c r="AV20" i="2"/>
  <c r="AW20" i="2"/>
  <c r="AX20" i="2"/>
  <c r="AY20" i="2"/>
  <c r="B21" i="2"/>
  <c r="C21" i="2"/>
  <c r="D21" i="2"/>
  <c r="E21" i="2"/>
  <c r="F21" i="2"/>
  <c r="G21" i="2"/>
  <c r="H21" i="2"/>
  <c r="I21" i="2"/>
  <c r="J21" i="2"/>
  <c r="K21" i="2"/>
  <c r="L21" i="2"/>
  <c r="M21" i="2"/>
  <c r="N21" i="2"/>
  <c r="O21" i="2"/>
  <c r="P21" i="2"/>
  <c r="Q21" i="2"/>
  <c r="R21" i="2"/>
  <c r="S21" i="2"/>
  <c r="T21" i="2"/>
  <c r="U21" i="2"/>
  <c r="V21" i="2"/>
  <c r="W21" i="2"/>
  <c r="X21" i="2"/>
  <c r="Y21" i="2"/>
  <c r="Z21" i="2"/>
  <c r="AA21" i="2"/>
  <c r="AB21" i="2"/>
  <c r="AC21" i="2"/>
  <c r="AD21" i="2"/>
  <c r="AE21" i="2"/>
  <c r="AF21" i="2"/>
  <c r="AG21" i="2"/>
  <c r="AH21" i="2"/>
  <c r="AI21" i="2"/>
  <c r="AJ21" i="2"/>
  <c r="AK21" i="2"/>
  <c r="AL21" i="2"/>
  <c r="AM21" i="2"/>
  <c r="AN21" i="2"/>
  <c r="AO21" i="2"/>
  <c r="AP21" i="2"/>
  <c r="AQ21" i="2"/>
  <c r="AR21" i="2"/>
  <c r="AS21" i="2"/>
  <c r="AT21" i="2"/>
  <c r="AU21" i="2"/>
  <c r="AV21" i="2"/>
  <c r="AW21" i="2"/>
  <c r="AX21" i="2"/>
  <c r="AY21" i="2"/>
  <c r="B22" i="2"/>
  <c r="C22" i="2"/>
  <c r="D22" i="2"/>
  <c r="E22" i="2"/>
  <c r="F22" i="2"/>
  <c r="G22" i="2"/>
  <c r="H22" i="2"/>
  <c r="I22" i="2"/>
  <c r="J22" i="2"/>
  <c r="K22" i="2"/>
  <c r="L22" i="2"/>
  <c r="M22" i="2"/>
  <c r="N22" i="2"/>
  <c r="O22" i="2"/>
  <c r="P22" i="2"/>
  <c r="Q22" i="2"/>
  <c r="R22" i="2"/>
  <c r="S22" i="2"/>
  <c r="T22" i="2"/>
  <c r="U22" i="2"/>
  <c r="V22" i="2"/>
  <c r="W22" i="2"/>
  <c r="X22" i="2"/>
  <c r="Y22" i="2"/>
  <c r="Z22" i="2"/>
  <c r="AA22" i="2"/>
  <c r="AB22" i="2"/>
  <c r="AC22" i="2"/>
  <c r="AD22" i="2"/>
  <c r="AE22" i="2"/>
  <c r="AF22" i="2"/>
  <c r="AG22" i="2"/>
  <c r="AH22" i="2"/>
  <c r="AI22" i="2"/>
  <c r="AJ22" i="2"/>
  <c r="AK22" i="2"/>
  <c r="AL22" i="2"/>
  <c r="AM22" i="2"/>
  <c r="AN22" i="2"/>
  <c r="AO22" i="2"/>
  <c r="AP22" i="2"/>
  <c r="AQ22" i="2"/>
  <c r="AR22" i="2"/>
  <c r="AS22" i="2"/>
  <c r="AT22" i="2"/>
  <c r="AU22" i="2"/>
  <c r="AV22" i="2"/>
  <c r="AW22" i="2"/>
  <c r="AX22" i="2"/>
  <c r="AY22" i="2"/>
  <c r="B23" i="2"/>
  <c r="C23" i="2"/>
  <c r="D23" i="2"/>
  <c r="E23" i="2"/>
  <c r="F23" i="2"/>
  <c r="G23" i="2"/>
  <c r="H23" i="2"/>
  <c r="I23" i="2"/>
  <c r="J23" i="2"/>
  <c r="K23" i="2"/>
  <c r="L23" i="2"/>
  <c r="M23" i="2"/>
  <c r="N23" i="2"/>
  <c r="O23" i="2"/>
  <c r="P23" i="2"/>
  <c r="Q23" i="2"/>
  <c r="R23" i="2"/>
  <c r="S23" i="2"/>
  <c r="T23" i="2"/>
  <c r="U23" i="2"/>
  <c r="V23" i="2"/>
  <c r="W23" i="2"/>
  <c r="X23" i="2"/>
  <c r="Y23" i="2"/>
  <c r="Z23" i="2"/>
  <c r="AA23" i="2"/>
  <c r="AB23" i="2"/>
  <c r="AC23" i="2"/>
  <c r="AD23" i="2"/>
  <c r="AE23" i="2"/>
  <c r="AF23" i="2"/>
  <c r="AG23" i="2"/>
  <c r="AH23" i="2"/>
  <c r="AI23" i="2"/>
  <c r="AJ23" i="2"/>
  <c r="AK23" i="2"/>
  <c r="AL23" i="2"/>
  <c r="AM23" i="2"/>
  <c r="AN23" i="2"/>
  <c r="AO23" i="2"/>
  <c r="AP23" i="2"/>
  <c r="AQ23" i="2"/>
  <c r="AR23" i="2"/>
  <c r="AS23" i="2"/>
  <c r="AT23" i="2"/>
  <c r="AU23" i="2"/>
  <c r="AV23" i="2"/>
  <c r="AW23" i="2"/>
  <c r="AX23" i="2"/>
  <c r="AY23" i="2"/>
  <c r="B24" i="2"/>
  <c r="C24" i="2"/>
  <c r="D24" i="2"/>
  <c r="E24" i="2"/>
  <c r="F24" i="2"/>
  <c r="G24" i="2"/>
  <c r="H24" i="2"/>
  <c r="I24" i="2"/>
  <c r="J24" i="2"/>
  <c r="K24" i="2"/>
  <c r="L24" i="2"/>
  <c r="M24" i="2"/>
  <c r="N24" i="2"/>
  <c r="O24" i="2"/>
  <c r="P24" i="2"/>
  <c r="Q24" i="2"/>
  <c r="R24" i="2"/>
  <c r="S24" i="2"/>
  <c r="T24" i="2"/>
  <c r="U24" i="2"/>
  <c r="V24" i="2"/>
  <c r="W24" i="2"/>
  <c r="X24" i="2"/>
  <c r="Y24" i="2"/>
  <c r="Z24" i="2"/>
  <c r="AA24" i="2"/>
  <c r="AB24" i="2"/>
  <c r="AC24" i="2"/>
  <c r="AD24" i="2"/>
  <c r="AE24" i="2"/>
  <c r="AF24" i="2"/>
  <c r="AG24" i="2"/>
  <c r="AH24" i="2"/>
  <c r="AI24" i="2"/>
  <c r="AJ24" i="2"/>
  <c r="AK24" i="2"/>
  <c r="AL24" i="2"/>
  <c r="AM24" i="2"/>
  <c r="AN24" i="2"/>
  <c r="AO24" i="2"/>
  <c r="AP24" i="2"/>
  <c r="AQ24" i="2"/>
  <c r="AR24" i="2"/>
  <c r="AS24" i="2"/>
  <c r="AT24" i="2"/>
  <c r="AU24" i="2"/>
  <c r="AV24" i="2"/>
  <c r="AW24" i="2"/>
  <c r="AX24" i="2"/>
  <c r="AY24" i="2"/>
  <c r="B25" i="2"/>
  <c r="C25" i="2"/>
  <c r="D25" i="2"/>
  <c r="E25" i="2"/>
  <c r="F25" i="2"/>
  <c r="G25" i="2"/>
  <c r="H25" i="2"/>
  <c r="I25" i="2"/>
  <c r="J25" i="2"/>
  <c r="K25" i="2"/>
  <c r="L25" i="2"/>
  <c r="M25" i="2"/>
  <c r="N25" i="2"/>
  <c r="O25" i="2"/>
  <c r="P25" i="2"/>
  <c r="Q25" i="2"/>
  <c r="R25" i="2"/>
  <c r="S25" i="2"/>
  <c r="T25" i="2"/>
  <c r="U25" i="2"/>
  <c r="V25" i="2"/>
  <c r="W25" i="2"/>
  <c r="X25" i="2"/>
  <c r="Y25" i="2"/>
  <c r="Z25" i="2"/>
  <c r="AA25" i="2"/>
  <c r="AB25" i="2"/>
  <c r="AC25" i="2"/>
  <c r="AD25" i="2"/>
  <c r="AE25" i="2"/>
  <c r="AF25" i="2"/>
  <c r="AG25" i="2"/>
  <c r="AH25" i="2"/>
  <c r="AI25" i="2"/>
  <c r="AJ25" i="2"/>
  <c r="AK25" i="2"/>
  <c r="AL25" i="2"/>
  <c r="AM25" i="2"/>
  <c r="AN25" i="2"/>
  <c r="AO25" i="2"/>
  <c r="AP25" i="2"/>
  <c r="AQ25" i="2"/>
  <c r="AR25" i="2"/>
  <c r="AS25" i="2"/>
  <c r="AT25" i="2"/>
  <c r="AU25" i="2"/>
  <c r="AV25" i="2"/>
  <c r="AW25" i="2"/>
  <c r="AX25" i="2"/>
  <c r="AY25" i="2"/>
  <c r="B26" i="2"/>
  <c r="C26" i="2"/>
  <c r="D26" i="2"/>
  <c r="E26" i="2"/>
  <c r="F26" i="2"/>
  <c r="G26" i="2"/>
  <c r="H26" i="2"/>
  <c r="I26" i="2"/>
  <c r="J26" i="2"/>
  <c r="K26" i="2"/>
  <c r="L26" i="2"/>
  <c r="M26" i="2"/>
  <c r="N26" i="2"/>
  <c r="O26" i="2"/>
  <c r="P26" i="2"/>
  <c r="Q26" i="2"/>
  <c r="R26" i="2"/>
  <c r="S26" i="2"/>
  <c r="T26" i="2"/>
  <c r="U26" i="2"/>
  <c r="V26" i="2"/>
  <c r="W26" i="2"/>
  <c r="X26" i="2"/>
  <c r="Y26" i="2"/>
  <c r="Z26" i="2"/>
  <c r="AA26" i="2"/>
  <c r="AB26" i="2"/>
  <c r="AC26" i="2"/>
  <c r="AD26" i="2"/>
  <c r="AE26" i="2"/>
  <c r="AF26" i="2"/>
  <c r="AG26" i="2"/>
  <c r="AH26" i="2"/>
  <c r="AI26" i="2"/>
  <c r="AJ26" i="2"/>
  <c r="AK26" i="2"/>
  <c r="AL26" i="2"/>
  <c r="AM26" i="2"/>
  <c r="AN26" i="2"/>
  <c r="AO26" i="2"/>
  <c r="AP26" i="2"/>
  <c r="AQ26" i="2"/>
  <c r="AR26" i="2"/>
  <c r="AS26" i="2"/>
  <c r="AT26" i="2"/>
  <c r="AU26" i="2"/>
  <c r="AV26" i="2"/>
  <c r="AW26" i="2"/>
  <c r="AX26" i="2"/>
  <c r="AY26" i="2"/>
  <c r="B27" i="2"/>
  <c r="C27" i="2"/>
  <c r="D27" i="2"/>
  <c r="E27" i="2"/>
  <c r="F27" i="2"/>
  <c r="G27" i="2"/>
  <c r="H27" i="2"/>
  <c r="I27" i="2"/>
  <c r="J27" i="2"/>
  <c r="K27" i="2"/>
  <c r="L27" i="2"/>
  <c r="M27" i="2"/>
  <c r="N27" i="2"/>
  <c r="O27" i="2"/>
  <c r="P27" i="2"/>
  <c r="Q27" i="2"/>
  <c r="R27" i="2"/>
  <c r="S27" i="2"/>
  <c r="T27" i="2"/>
  <c r="U27" i="2"/>
  <c r="V27" i="2"/>
  <c r="W27" i="2"/>
  <c r="X27" i="2"/>
  <c r="Y27" i="2"/>
  <c r="Z27" i="2"/>
  <c r="AA27" i="2"/>
  <c r="AB27" i="2"/>
  <c r="AC27" i="2"/>
  <c r="AD27" i="2"/>
  <c r="AE27" i="2"/>
  <c r="AF27" i="2"/>
  <c r="AG27" i="2"/>
  <c r="AH27" i="2"/>
  <c r="AI27" i="2"/>
  <c r="AJ27" i="2"/>
  <c r="AK27" i="2"/>
  <c r="AL27" i="2"/>
  <c r="AM27" i="2"/>
  <c r="AN27" i="2"/>
  <c r="AO27" i="2"/>
  <c r="AP27" i="2"/>
  <c r="AQ27" i="2"/>
  <c r="AR27" i="2"/>
  <c r="AS27" i="2"/>
  <c r="AT27" i="2"/>
  <c r="AU27" i="2"/>
  <c r="AV27" i="2"/>
  <c r="AW27" i="2"/>
  <c r="AX27" i="2"/>
  <c r="AY27" i="2"/>
  <c r="B28" i="2"/>
  <c r="C28" i="2"/>
  <c r="D28" i="2"/>
  <c r="E28" i="2"/>
  <c r="F28" i="2"/>
  <c r="G28" i="2"/>
  <c r="H28" i="2"/>
  <c r="I28" i="2"/>
  <c r="J28" i="2"/>
  <c r="K28" i="2"/>
  <c r="L28" i="2"/>
  <c r="M28" i="2"/>
  <c r="N28" i="2"/>
  <c r="O28" i="2"/>
  <c r="P28" i="2"/>
  <c r="Q28" i="2"/>
  <c r="R28" i="2"/>
  <c r="S28" i="2"/>
  <c r="T28" i="2"/>
  <c r="U28" i="2"/>
  <c r="V28" i="2"/>
  <c r="W28" i="2"/>
  <c r="X28" i="2"/>
  <c r="Y28" i="2"/>
  <c r="Z28" i="2"/>
  <c r="AA28" i="2"/>
  <c r="AB28" i="2"/>
  <c r="AC28" i="2"/>
  <c r="AD28" i="2"/>
  <c r="AE28" i="2"/>
  <c r="AF28" i="2"/>
  <c r="AG28" i="2"/>
  <c r="AH28" i="2"/>
  <c r="AI28" i="2"/>
  <c r="AJ28" i="2"/>
  <c r="AK28" i="2"/>
  <c r="AL28" i="2"/>
  <c r="AM28" i="2"/>
  <c r="AN28" i="2"/>
  <c r="AO28" i="2"/>
  <c r="AP28" i="2"/>
  <c r="AQ28" i="2"/>
  <c r="AR28" i="2"/>
  <c r="AS28" i="2"/>
  <c r="AT28" i="2"/>
  <c r="AU28" i="2"/>
  <c r="AV28" i="2"/>
  <c r="AW28" i="2"/>
  <c r="AX28" i="2"/>
  <c r="AY28" i="2"/>
  <c r="B29" i="2"/>
  <c r="C29" i="2"/>
  <c r="D29" i="2"/>
  <c r="E29" i="2"/>
  <c r="F29" i="2"/>
  <c r="G29" i="2"/>
  <c r="H29" i="2"/>
  <c r="I29" i="2"/>
  <c r="J29" i="2"/>
  <c r="K29" i="2"/>
  <c r="L29" i="2"/>
  <c r="M29" i="2"/>
  <c r="N29" i="2"/>
  <c r="O29" i="2"/>
  <c r="P29" i="2"/>
  <c r="Q29" i="2"/>
  <c r="R29" i="2"/>
  <c r="S29" i="2"/>
  <c r="T29" i="2"/>
  <c r="U29" i="2"/>
  <c r="V29" i="2"/>
  <c r="W29" i="2"/>
  <c r="X29" i="2"/>
  <c r="Y29" i="2"/>
  <c r="Z29" i="2"/>
  <c r="AA29" i="2"/>
  <c r="AB29" i="2"/>
  <c r="AC29" i="2"/>
  <c r="AD29" i="2"/>
  <c r="AE29" i="2"/>
  <c r="AF29" i="2"/>
  <c r="AG29" i="2"/>
  <c r="AH29" i="2"/>
  <c r="AI29" i="2"/>
  <c r="AJ29" i="2"/>
  <c r="AK29" i="2"/>
  <c r="AL29" i="2"/>
  <c r="AM29" i="2"/>
  <c r="AN29" i="2"/>
  <c r="AO29" i="2"/>
  <c r="AP29" i="2"/>
  <c r="AQ29" i="2"/>
  <c r="AR29" i="2"/>
  <c r="AS29" i="2"/>
  <c r="AT29" i="2"/>
  <c r="AU29" i="2"/>
  <c r="AV29" i="2"/>
  <c r="AW29" i="2"/>
  <c r="AX29" i="2"/>
  <c r="AY29" i="2"/>
  <c r="B30" i="2"/>
  <c r="C30" i="2"/>
  <c r="D30" i="2"/>
  <c r="E30" i="2"/>
  <c r="F30" i="2"/>
  <c r="G30" i="2"/>
  <c r="H30" i="2"/>
  <c r="I30" i="2"/>
  <c r="J30" i="2"/>
  <c r="K30" i="2"/>
  <c r="L30" i="2"/>
  <c r="M30" i="2"/>
  <c r="N30" i="2"/>
  <c r="O30" i="2"/>
  <c r="P30" i="2"/>
  <c r="Q30" i="2"/>
  <c r="R30" i="2"/>
  <c r="S30" i="2"/>
  <c r="T30" i="2"/>
  <c r="U30" i="2"/>
  <c r="V30" i="2"/>
  <c r="W30" i="2"/>
  <c r="X30" i="2"/>
  <c r="Y30" i="2"/>
  <c r="Z30" i="2"/>
  <c r="AA30" i="2"/>
  <c r="AB30" i="2"/>
  <c r="AC30" i="2"/>
  <c r="AD30" i="2"/>
  <c r="AE30" i="2"/>
  <c r="AF30" i="2"/>
  <c r="AG30" i="2"/>
  <c r="AH30" i="2"/>
  <c r="AI30" i="2"/>
  <c r="AJ30" i="2"/>
  <c r="AK30" i="2"/>
  <c r="AL30" i="2"/>
  <c r="AM30" i="2"/>
  <c r="AN30" i="2"/>
  <c r="AO30" i="2"/>
  <c r="AP30" i="2"/>
  <c r="AQ30" i="2"/>
  <c r="AR30" i="2"/>
  <c r="AS30" i="2"/>
  <c r="AT30" i="2"/>
  <c r="AU30" i="2"/>
  <c r="AV30" i="2"/>
  <c r="AW30" i="2"/>
  <c r="AX30" i="2"/>
  <c r="AY30" i="2"/>
  <c r="B31" i="2"/>
  <c r="C31" i="2"/>
  <c r="D31" i="2"/>
  <c r="E31" i="2"/>
  <c r="F31" i="2"/>
  <c r="G31" i="2"/>
  <c r="H31" i="2"/>
  <c r="I31" i="2"/>
  <c r="J31" i="2"/>
  <c r="K31" i="2"/>
  <c r="L31" i="2"/>
  <c r="M31" i="2"/>
  <c r="N31" i="2"/>
  <c r="O31" i="2"/>
  <c r="P31" i="2"/>
  <c r="Q31" i="2"/>
  <c r="R31" i="2"/>
  <c r="S31" i="2"/>
  <c r="T31" i="2"/>
  <c r="U31" i="2"/>
  <c r="V31" i="2"/>
  <c r="W31" i="2"/>
  <c r="X31" i="2"/>
  <c r="Y31" i="2"/>
  <c r="Z31" i="2"/>
  <c r="AA31" i="2"/>
  <c r="AB31" i="2"/>
  <c r="AC31" i="2"/>
  <c r="AD31" i="2"/>
  <c r="AE31" i="2"/>
  <c r="AF31" i="2"/>
  <c r="AG31" i="2"/>
  <c r="AH31" i="2"/>
  <c r="AI31" i="2"/>
  <c r="AJ31" i="2"/>
  <c r="AK31" i="2"/>
  <c r="AL31" i="2"/>
  <c r="AM31" i="2"/>
  <c r="AN31" i="2"/>
  <c r="AO31" i="2"/>
  <c r="AP31" i="2"/>
  <c r="AQ31" i="2"/>
  <c r="AR31" i="2"/>
  <c r="AS31" i="2"/>
  <c r="AT31" i="2"/>
  <c r="AU31" i="2"/>
  <c r="AV31" i="2"/>
  <c r="AW31" i="2"/>
  <c r="AX31" i="2"/>
  <c r="AY31" i="2"/>
  <c r="B32" i="2"/>
  <c r="C32" i="2"/>
  <c r="D32" i="2"/>
  <c r="E32" i="2"/>
  <c r="F32" i="2"/>
  <c r="G32" i="2"/>
  <c r="H32" i="2"/>
  <c r="I32" i="2"/>
  <c r="J32" i="2"/>
  <c r="K32" i="2"/>
  <c r="L32" i="2"/>
  <c r="M32" i="2"/>
  <c r="N32" i="2"/>
  <c r="O32" i="2"/>
  <c r="P32" i="2"/>
  <c r="Q32" i="2"/>
  <c r="R32" i="2"/>
  <c r="S32" i="2"/>
  <c r="T32" i="2"/>
  <c r="U32" i="2"/>
  <c r="V32" i="2"/>
  <c r="W32" i="2"/>
  <c r="X32" i="2"/>
  <c r="Y32" i="2"/>
  <c r="Z32" i="2"/>
  <c r="AA32" i="2"/>
  <c r="AB32" i="2"/>
  <c r="AC32" i="2"/>
  <c r="AD32" i="2"/>
  <c r="AE32" i="2"/>
  <c r="AF32" i="2"/>
  <c r="AG32" i="2"/>
  <c r="AH32" i="2"/>
  <c r="AI32" i="2"/>
  <c r="AJ32" i="2"/>
  <c r="AK32" i="2"/>
  <c r="AL32" i="2"/>
  <c r="AM32" i="2"/>
  <c r="AN32" i="2"/>
  <c r="AO32" i="2"/>
  <c r="AP32" i="2"/>
  <c r="AQ32" i="2"/>
  <c r="AR32" i="2"/>
  <c r="AS32" i="2"/>
  <c r="AT32" i="2"/>
  <c r="AU32" i="2"/>
  <c r="AV32" i="2"/>
  <c r="AW32" i="2"/>
  <c r="AX32" i="2"/>
  <c r="AY32" i="2"/>
  <c r="B33" i="2"/>
  <c r="C33" i="2"/>
  <c r="D33" i="2"/>
  <c r="E33" i="2"/>
  <c r="F33" i="2"/>
  <c r="G33" i="2"/>
  <c r="H33" i="2"/>
  <c r="I33" i="2"/>
  <c r="J33" i="2"/>
  <c r="K33" i="2"/>
  <c r="L33" i="2"/>
  <c r="M33" i="2"/>
  <c r="N33" i="2"/>
  <c r="O33" i="2"/>
  <c r="P33" i="2"/>
  <c r="Q33" i="2"/>
  <c r="R33" i="2"/>
  <c r="S33" i="2"/>
  <c r="T33" i="2"/>
  <c r="U33" i="2"/>
  <c r="V33" i="2"/>
  <c r="W33" i="2"/>
  <c r="X33" i="2"/>
  <c r="Y33" i="2"/>
  <c r="Z33" i="2"/>
  <c r="AA33" i="2"/>
  <c r="AB33" i="2"/>
  <c r="AC33" i="2"/>
  <c r="AD33" i="2"/>
  <c r="AE33" i="2"/>
  <c r="AF33" i="2"/>
  <c r="AG33" i="2"/>
  <c r="AH33" i="2"/>
  <c r="AI33" i="2"/>
  <c r="AJ33" i="2"/>
  <c r="AK33" i="2"/>
  <c r="AL33" i="2"/>
  <c r="AM33" i="2"/>
  <c r="AN33" i="2"/>
  <c r="AO33" i="2"/>
  <c r="AP33" i="2"/>
  <c r="AQ33" i="2"/>
  <c r="AR33" i="2"/>
  <c r="AS33" i="2"/>
  <c r="AT33" i="2"/>
  <c r="AU33" i="2"/>
  <c r="AV33" i="2"/>
  <c r="AW33" i="2"/>
  <c r="AX33" i="2"/>
  <c r="AY33" i="2"/>
  <c r="B34" i="2"/>
  <c r="C34" i="2"/>
  <c r="D34" i="2"/>
  <c r="E34" i="2"/>
  <c r="F34" i="2"/>
  <c r="G34" i="2"/>
  <c r="H34" i="2"/>
  <c r="I34" i="2"/>
  <c r="J34" i="2"/>
  <c r="K34" i="2"/>
  <c r="L34" i="2"/>
  <c r="M34" i="2"/>
  <c r="N34" i="2"/>
  <c r="O34" i="2"/>
  <c r="P34" i="2"/>
  <c r="Q34" i="2"/>
  <c r="R34" i="2"/>
  <c r="S34" i="2"/>
  <c r="T34" i="2"/>
  <c r="U34" i="2"/>
  <c r="V34" i="2"/>
  <c r="W34" i="2"/>
  <c r="X34" i="2"/>
  <c r="Y34" i="2"/>
  <c r="Z34" i="2"/>
  <c r="AA34" i="2"/>
  <c r="AB34" i="2"/>
  <c r="AC34" i="2"/>
  <c r="AD34" i="2"/>
  <c r="AE34" i="2"/>
  <c r="AF34" i="2"/>
  <c r="AG34" i="2"/>
  <c r="AH34" i="2"/>
  <c r="AI34" i="2"/>
  <c r="AJ34" i="2"/>
  <c r="AK34" i="2"/>
  <c r="AL34" i="2"/>
  <c r="AM34" i="2"/>
  <c r="AN34" i="2"/>
  <c r="AO34" i="2"/>
  <c r="AP34" i="2"/>
  <c r="AQ34" i="2"/>
  <c r="AR34" i="2"/>
  <c r="AS34" i="2"/>
  <c r="AT34" i="2"/>
  <c r="AU34" i="2"/>
  <c r="AV34" i="2"/>
  <c r="AW34" i="2"/>
  <c r="AX34" i="2"/>
  <c r="AY34" i="2"/>
  <c r="B35" i="2"/>
  <c r="C35" i="2"/>
  <c r="D35" i="2"/>
  <c r="E35" i="2"/>
  <c r="F35" i="2"/>
  <c r="G35" i="2"/>
  <c r="H35" i="2"/>
  <c r="I35" i="2"/>
  <c r="J35" i="2"/>
  <c r="K35" i="2"/>
  <c r="L35" i="2"/>
  <c r="M35" i="2"/>
  <c r="N35" i="2"/>
  <c r="O35" i="2"/>
  <c r="P35" i="2"/>
  <c r="Q35" i="2"/>
  <c r="R35" i="2"/>
  <c r="S35" i="2"/>
  <c r="T35" i="2"/>
  <c r="U35" i="2"/>
  <c r="V35" i="2"/>
  <c r="W35" i="2"/>
  <c r="X35" i="2"/>
  <c r="Y35" i="2"/>
  <c r="Z35" i="2"/>
  <c r="AA35" i="2"/>
  <c r="AB35" i="2"/>
  <c r="AC35" i="2"/>
  <c r="AD35" i="2"/>
  <c r="AE35" i="2"/>
  <c r="AF35" i="2"/>
  <c r="AG35" i="2"/>
  <c r="AH35" i="2"/>
  <c r="AI35" i="2"/>
  <c r="AJ35" i="2"/>
  <c r="AK35" i="2"/>
  <c r="AL35" i="2"/>
  <c r="AM35" i="2"/>
  <c r="AN35" i="2"/>
  <c r="AO35" i="2"/>
  <c r="AP35" i="2"/>
  <c r="AQ35" i="2"/>
  <c r="AR35" i="2"/>
  <c r="AS35" i="2"/>
  <c r="AT35" i="2"/>
  <c r="AU35" i="2"/>
  <c r="AV35" i="2"/>
  <c r="AW35" i="2"/>
  <c r="AX35" i="2"/>
  <c r="AY35" i="2"/>
  <c r="B36" i="2"/>
  <c r="C36" i="2"/>
  <c r="D36" i="2"/>
  <c r="E36" i="2"/>
  <c r="F36" i="2"/>
  <c r="G36" i="2"/>
  <c r="H36" i="2"/>
  <c r="I36" i="2"/>
  <c r="J36" i="2"/>
  <c r="K36" i="2"/>
  <c r="L36" i="2"/>
  <c r="M36" i="2"/>
  <c r="N36" i="2"/>
  <c r="O36" i="2"/>
  <c r="P36" i="2"/>
  <c r="Q36" i="2"/>
  <c r="R36" i="2"/>
  <c r="S36" i="2"/>
  <c r="T36" i="2"/>
  <c r="U36" i="2"/>
  <c r="V36" i="2"/>
  <c r="W36" i="2"/>
  <c r="X36" i="2"/>
  <c r="Y36" i="2"/>
  <c r="Z36" i="2"/>
  <c r="AA36" i="2"/>
  <c r="AB36" i="2"/>
  <c r="AC36" i="2"/>
  <c r="AD36" i="2"/>
  <c r="AE36" i="2"/>
  <c r="AF36" i="2"/>
  <c r="AG36" i="2"/>
  <c r="AH36" i="2"/>
  <c r="AI36" i="2"/>
  <c r="AJ36" i="2"/>
  <c r="AK36" i="2"/>
  <c r="AL36" i="2"/>
  <c r="AM36" i="2"/>
  <c r="AN36" i="2"/>
  <c r="AO36" i="2"/>
  <c r="AP36" i="2"/>
  <c r="AQ36" i="2"/>
  <c r="AR36" i="2"/>
  <c r="AS36" i="2"/>
  <c r="AT36" i="2"/>
  <c r="AU36" i="2"/>
  <c r="AV36" i="2"/>
  <c r="AW36" i="2"/>
  <c r="AX36" i="2"/>
  <c r="AY36" i="2"/>
  <c r="B37" i="2"/>
  <c r="C37" i="2"/>
  <c r="D37" i="2"/>
  <c r="E37" i="2"/>
  <c r="F37" i="2"/>
  <c r="G37" i="2"/>
  <c r="H37" i="2"/>
  <c r="I37" i="2"/>
  <c r="J37" i="2"/>
  <c r="K37" i="2"/>
  <c r="L37" i="2"/>
  <c r="M37" i="2"/>
  <c r="N37" i="2"/>
  <c r="O37" i="2"/>
  <c r="P37" i="2"/>
  <c r="Q37" i="2"/>
  <c r="R37" i="2"/>
  <c r="S37" i="2"/>
  <c r="T37" i="2"/>
  <c r="U37" i="2"/>
  <c r="V37" i="2"/>
  <c r="W37" i="2"/>
  <c r="X37" i="2"/>
  <c r="Y37" i="2"/>
  <c r="Z37" i="2"/>
  <c r="AA37" i="2"/>
  <c r="AB37" i="2"/>
  <c r="AC37" i="2"/>
  <c r="AD37" i="2"/>
  <c r="AE37" i="2"/>
  <c r="AF37" i="2"/>
  <c r="AG37" i="2"/>
  <c r="AH37" i="2"/>
  <c r="AI37" i="2"/>
  <c r="AJ37" i="2"/>
  <c r="AK37" i="2"/>
  <c r="AL37" i="2"/>
  <c r="AM37" i="2"/>
  <c r="AN37" i="2"/>
  <c r="AO37" i="2"/>
  <c r="AP37" i="2"/>
  <c r="AQ37" i="2"/>
  <c r="AR37" i="2"/>
  <c r="AS37" i="2"/>
  <c r="AT37" i="2"/>
  <c r="AU37" i="2"/>
  <c r="AV37" i="2"/>
  <c r="AW37" i="2"/>
  <c r="AX37" i="2"/>
  <c r="AY37" i="2"/>
  <c r="B38" i="2"/>
  <c r="C38" i="2"/>
  <c r="D38" i="2"/>
  <c r="E38" i="2"/>
  <c r="F38" i="2"/>
  <c r="G38" i="2"/>
  <c r="H38" i="2"/>
  <c r="I38" i="2"/>
  <c r="J38" i="2"/>
  <c r="K38" i="2"/>
  <c r="L38" i="2"/>
  <c r="M38" i="2"/>
  <c r="N38" i="2"/>
  <c r="O38" i="2"/>
  <c r="P38" i="2"/>
  <c r="Q38" i="2"/>
  <c r="R38" i="2"/>
  <c r="S38" i="2"/>
  <c r="T38" i="2"/>
  <c r="U38" i="2"/>
  <c r="V38" i="2"/>
  <c r="W38" i="2"/>
  <c r="X38" i="2"/>
  <c r="Y38" i="2"/>
  <c r="Z38" i="2"/>
  <c r="AA38" i="2"/>
  <c r="AB38" i="2"/>
  <c r="AC38" i="2"/>
  <c r="AD38" i="2"/>
  <c r="AE38" i="2"/>
  <c r="AF38" i="2"/>
  <c r="AG38" i="2"/>
  <c r="AH38" i="2"/>
  <c r="AI38" i="2"/>
  <c r="AJ38" i="2"/>
  <c r="AK38" i="2"/>
  <c r="AL38" i="2"/>
  <c r="AM38" i="2"/>
  <c r="AN38" i="2"/>
  <c r="AO38" i="2"/>
  <c r="AP38" i="2"/>
  <c r="AQ38" i="2"/>
  <c r="AR38" i="2"/>
  <c r="AS38" i="2"/>
  <c r="AT38" i="2"/>
  <c r="AU38" i="2"/>
  <c r="AV38" i="2"/>
  <c r="AW38" i="2"/>
  <c r="AX38" i="2"/>
  <c r="AY38" i="2"/>
  <c r="B39" i="2"/>
  <c r="C39" i="2"/>
  <c r="D39" i="2"/>
  <c r="E39" i="2"/>
  <c r="F39" i="2"/>
  <c r="G39" i="2"/>
  <c r="H39" i="2"/>
  <c r="I39" i="2"/>
  <c r="J39" i="2"/>
  <c r="K39" i="2"/>
  <c r="L39" i="2"/>
  <c r="M39" i="2"/>
  <c r="N39" i="2"/>
  <c r="O39" i="2"/>
  <c r="P39" i="2"/>
  <c r="Q39" i="2"/>
  <c r="R39" i="2"/>
  <c r="S39" i="2"/>
  <c r="T39" i="2"/>
  <c r="U39" i="2"/>
  <c r="V39" i="2"/>
  <c r="W39" i="2"/>
  <c r="X39" i="2"/>
  <c r="Y39" i="2"/>
  <c r="Z39" i="2"/>
  <c r="AA39" i="2"/>
  <c r="AB39" i="2"/>
  <c r="AC39" i="2"/>
  <c r="AD39" i="2"/>
  <c r="AE39" i="2"/>
  <c r="AF39" i="2"/>
  <c r="AG39" i="2"/>
  <c r="AH39" i="2"/>
  <c r="AI39" i="2"/>
  <c r="AJ39" i="2"/>
  <c r="AK39" i="2"/>
  <c r="AL39" i="2"/>
  <c r="AM39" i="2"/>
  <c r="AN39" i="2"/>
  <c r="AO39" i="2"/>
  <c r="AP39" i="2"/>
  <c r="AQ39" i="2"/>
  <c r="AR39" i="2"/>
  <c r="AS39" i="2"/>
  <c r="AT39" i="2"/>
  <c r="AU39" i="2"/>
  <c r="AV39" i="2"/>
  <c r="AW39" i="2"/>
  <c r="AX39" i="2"/>
  <c r="AY39" i="2"/>
  <c r="B40" i="2"/>
  <c r="C40" i="2"/>
  <c r="D40" i="2"/>
  <c r="E40" i="2"/>
  <c r="F40" i="2"/>
  <c r="G40" i="2"/>
  <c r="H40" i="2"/>
  <c r="I40" i="2"/>
  <c r="J40" i="2"/>
  <c r="K40" i="2"/>
  <c r="L40" i="2"/>
  <c r="M40" i="2"/>
  <c r="N40" i="2"/>
  <c r="O40" i="2"/>
  <c r="P40" i="2"/>
  <c r="Q40" i="2"/>
  <c r="R40" i="2"/>
  <c r="S40" i="2"/>
  <c r="T40" i="2"/>
  <c r="U40" i="2"/>
  <c r="V40" i="2"/>
  <c r="W40" i="2"/>
  <c r="X40" i="2"/>
  <c r="Y40" i="2"/>
  <c r="Z40" i="2"/>
  <c r="AA40" i="2"/>
  <c r="AB40" i="2"/>
  <c r="AC40" i="2"/>
  <c r="AD40" i="2"/>
  <c r="AE40" i="2"/>
  <c r="AF40" i="2"/>
  <c r="AG40" i="2"/>
  <c r="AH40" i="2"/>
  <c r="AI40" i="2"/>
  <c r="AJ40" i="2"/>
  <c r="AK40" i="2"/>
  <c r="AL40" i="2"/>
  <c r="AM40" i="2"/>
  <c r="AN40" i="2"/>
  <c r="AO40" i="2"/>
  <c r="AP40" i="2"/>
  <c r="AQ40" i="2"/>
  <c r="AR40" i="2"/>
  <c r="AS40" i="2"/>
  <c r="AT40" i="2"/>
  <c r="AU40" i="2"/>
  <c r="AV40" i="2"/>
  <c r="AW40" i="2"/>
  <c r="AX40" i="2"/>
  <c r="AY40" i="2"/>
  <c r="B41" i="2"/>
  <c r="C41" i="2"/>
  <c r="D41" i="2"/>
  <c r="E41" i="2"/>
  <c r="F41" i="2"/>
  <c r="G41" i="2"/>
  <c r="H41" i="2"/>
  <c r="I41" i="2"/>
  <c r="J41" i="2"/>
  <c r="K41" i="2"/>
  <c r="L41" i="2"/>
  <c r="M41" i="2"/>
  <c r="N41" i="2"/>
  <c r="O41" i="2"/>
  <c r="P41" i="2"/>
  <c r="Q41" i="2"/>
  <c r="R41" i="2"/>
  <c r="S41" i="2"/>
  <c r="T41" i="2"/>
  <c r="U41" i="2"/>
  <c r="V41" i="2"/>
  <c r="W41" i="2"/>
  <c r="X41" i="2"/>
  <c r="Y41" i="2"/>
  <c r="Z41" i="2"/>
  <c r="AA41" i="2"/>
  <c r="AB41" i="2"/>
  <c r="AC41" i="2"/>
  <c r="AD41" i="2"/>
  <c r="AE41" i="2"/>
  <c r="AF41" i="2"/>
  <c r="AG41" i="2"/>
  <c r="AH41" i="2"/>
  <c r="AI41" i="2"/>
  <c r="AJ41" i="2"/>
  <c r="AK41" i="2"/>
  <c r="AL41" i="2"/>
  <c r="AM41" i="2"/>
  <c r="AN41" i="2"/>
  <c r="AO41" i="2"/>
  <c r="AP41" i="2"/>
  <c r="AQ41" i="2"/>
  <c r="AR41" i="2"/>
  <c r="AS41" i="2"/>
  <c r="AT41" i="2"/>
  <c r="AU41" i="2"/>
  <c r="AV41" i="2"/>
  <c r="AW41" i="2"/>
  <c r="AX41" i="2"/>
  <c r="AY41" i="2"/>
  <c r="B42" i="2"/>
  <c r="C42" i="2"/>
  <c r="D42" i="2"/>
  <c r="E42" i="2"/>
  <c r="F42" i="2"/>
  <c r="G42" i="2"/>
  <c r="H42" i="2"/>
  <c r="I42" i="2"/>
  <c r="J42" i="2"/>
  <c r="K42" i="2"/>
  <c r="L42" i="2"/>
  <c r="M42" i="2"/>
  <c r="N42" i="2"/>
  <c r="O42" i="2"/>
  <c r="P42" i="2"/>
  <c r="Q42" i="2"/>
  <c r="R42" i="2"/>
  <c r="S42" i="2"/>
  <c r="T42" i="2"/>
  <c r="U42" i="2"/>
  <c r="V42" i="2"/>
  <c r="W42" i="2"/>
  <c r="X42" i="2"/>
  <c r="Y42" i="2"/>
  <c r="Z42" i="2"/>
  <c r="AA42" i="2"/>
  <c r="AB42" i="2"/>
  <c r="AC42" i="2"/>
  <c r="AD42" i="2"/>
  <c r="AE42" i="2"/>
  <c r="AF42" i="2"/>
  <c r="AG42" i="2"/>
  <c r="AH42" i="2"/>
  <c r="AI42" i="2"/>
  <c r="AJ42" i="2"/>
  <c r="AK42" i="2"/>
  <c r="AL42" i="2"/>
  <c r="AM42" i="2"/>
  <c r="AN42" i="2"/>
  <c r="AO42" i="2"/>
  <c r="AP42" i="2"/>
  <c r="AQ42" i="2"/>
  <c r="AR42" i="2"/>
  <c r="AS42" i="2"/>
  <c r="AT42" i="2"/>
  <c r="AU42" i="2"/>
  <c r="AV42" i="2"/>
  <c r="AW42" i="2"/>
  <c r="AX42" i="2"/>
  <c r="AY42" i="2"/>
  <c r="B43" i="2"/>
  <c r="C43" i="2"/>
  <c r="D43" i="2"/>
  <c r="E43" i="2"/>
  <c r="F43" i="2"/>
  <c r="G43" i="2"/>
  <c r="H43" i="2"/>
  <c r="I43" i="2"/>
  <c r="J43" i="2"/>
  <c r="K43" i="2"/>
  <c r="L43" i="2"/>
  <c r="M43" i="2"/>
  <c r="N43" i="2"/>
  <c r="O43" i="2"/>
  <c r="P43" i="2"/>
  <c r="Q43" i="2"/>
  <c r="R43" i="2"/>
  <c r="S43" i="2"/>
  <c r="T43" i="2"/>
  <c r="U43" i="2"/>
  <c r="V43" i="2"/>
  <c r="W43" i="2"/>
  <c r="X43" i="2"/>
  <c r="Y43" i="2"/>
  <c r="Z43" i="2"/>
  <c r="AA43" i="2"/>
  <c r="AB43" i="2"/>
  <c r="AC43" i="2"/>
  <c r="AD43" i="2"/>
  <c r="AE43" i="2"/>
  <c r="AF43" i="2"/>
  <c r="AG43" i="2"/>
  <c r="AH43" i="2"/>
  <c r="AI43" i="2"/>
  <c r="AJ43" i="2"/>
  <c r="AK43" i="2"/>
  <c r="AL43" i="2"/>
  <c r="AM43" i="2"/>
  <c r="AN43" i="2"/>
  <c r="AO43" i="2"/>
  <c r="AP43" i="2"/>
  <c r="AQ43" i="2"/>
  <c r="AR43" i="2"/>
  <c r="AS43" i="2"/>
  <c r="AT43" i="2"/>
  <c r="AU43" i="2"/>
  <c r="AV43" i="2"/>
  <c r="AW43" i="2"/>
  <c r="AX43" i="2"/>
  <c r="AY43" i="2"/>
  <c r="B44" i="2"/>
  <c r="C44" i="2"/>
  <c r="D44" i="2"/>
  <c r="E44" i="2"/>
  <c r="F44" i="2"/>
  <c r="G44" i="2"/>
  <c r="H44" i="2"/>
  <c r="I44" i="2"/>
  <c r="J44" i="2"/>
  <c r="K44" i="2"/>
  <c r="L44" i="2"/>
  <c r="M44" i="2"/>
  <c r="N44" i="2"/>
  <c r="O44" i="2"/>
  <c r="P44" i="2"/>
  <c r="Q44" i="2"/>
  <c r="R44" i="2"/>
  <c r="S44" i="2"/>
  <c r="T44" i="2"/>
  <c r="U44" i="2"/>
  <c r="V44" i="2"/>
  <c r="W44" i="2"/>
  <c r="X44" i="2"/>
  <c r="Y44" i="2"/>
  <c r="Z44" i="2"/>
  <c r="AA44" i="2"/>
  <c r="AB44" i="2"/>
  <c r="AC44" i="2"/>
  <c r="AD44" i="2"/>
  <c r="AE44" i="2"/>
  <c r="AF44" i="2"/>
  <c r="AG44" i="2"/>
  <c r="AH44" i="2"/>
  <c r="AI44" i="2"/>
  <c r="AJ44" i="2"/>
  <c r="AK44" i="2"/>
  <c r="AL44" i="2"/>
  <c r="AM44" i="2"/>
  <c r="AN44" i="2"/>
  <c r="AO44" i="2"/>
  <c r="AP44" i="2"/>
  <c r="AQ44" i="2"/>
  <c r="AR44" i="2"/>
  <c r="AS44" i="2"/>
  <c r="AT44" i="2"/>
  <c r="AU44" i="2"/>
  <c r="AV44" i="2"/>
  <c r="AW44" i="2"/>
  <c r="AX44" i="2"/>
  <c r="AY44" i="2"/>
  <c r="B45" i="2"/>
  <c r="C45" i="2"/>
  <c r="D45" i="2"/>
  <c r="E45" i="2"/>
  <c r="F45" i="2"/>
  <c r="G45" i="2"/>
  <c r="H45" i="2"/>
  <c r="I45" i="2"/>
  <c r="J45" i="2"/>
  <c r="K45" i="2"/>
  <c r="L45" i="2"/>
  <c r="M45" i="2"/>
  <c r="N45" i="2"/>
  <c r="O45" i="2"/>
  <c r="P45" i="2"/>
  <c r="Q45" i="2"/>
  <c r="R45" i="2"/>
  <c r="S45" i="2"/>
  <c r="T45" i="2"/>
  <c r="U45" i="2"/>
  <c r="V45" i="2"/>
  <c r="W45" i="2"/>
  <c r="X45" i="2"/>
  <c r="Y45" i="2"/>
  <c r="Z45" i="2"/>
  <c r="AA45" i="2"/>
  <c r="AB45" i="2"/>
  <c r="AC45" i="2"/>
  <c r="AD45" i="2"/>
  <c r="AE45" i="2"/>
  <c r="AF45" i="2"/>
  <c r="AG45" i="2"/>
  <c r="AH45" i="2"/>
  <c r="AI45" i="2"/>
  <c r="AJ45" i="2"/>
  <c r="AK45" i="2"/>
  <c r="AL45" i="2"/>
  <c r="AM45" i="2"/>
  <c r="AN45" i="2"/>
  <c r="AO45" i="2"/>
  <c r="AP45" i="2"/>
  <c r="AQ45" i="2"/>
  <c r="AR45" i="2"/>
  <c r="AS45" i="2"/>
  <c r="AT45" i="2"/>
  <c r="AU45" i="2"/>
  <c r="AV45" i="2"/>
  <c r="AW45" i="2"/>
  <c r="AX45" i="2"/>
  <c r="AY45" i="2"/>
  <c r="B46" i="2"/>
  <c r="C46" i="2"/>
  <c r="D46" i="2"/>
  <c r="E46" i="2"/>
  <c r="F46" i="2"/>
  <c r="G46" i="2"/>
  <c r="H46" i="2"/>
  <c r="I46" i="2"/>
  <c r="J46" i="2"/>
  <c r="K46" i="2"/>
  <c r="L46" i="2"/>
  <c r="M46" i="2"/>
  <c r="N46" i="2"/>
  <c r="O46" i="2"/>
  <c r="P46" i="2"/>
  <c r="Q46" i="2"/>
  <c r="R46" i="2"/>
  <c r="S46" i="2"/>
  <c r="T46" i="2"/>
  <c r="U46" i="2"/>
  <c r="V46" i="2"/>
  <c r="W46" i="2"/>
  <c r="X46" i="2"/>
  <c r="Y46" i="2"/>
  <c r="Z46" i="2"/>
  <c r="AA46" i="2"/>
  <c r="AB46" i="2"/>
  <c r="AC46" i="2"/>
  <c r="AD46" i="2"/>
  <c r="AE46" i="2"/>
  <c r="AF46" i="2"/>
  <c r="AG46" i="2"/>
  <c r="AH46" i="2"/>
  <c r="AI46" i="2"/>
  <c r="AJ46" i="2"/>
  <c r="AK46" i="2"/>
  <c r="AL46" i="2"/>
  <c r="AM46" i="2"/>
  <c r="AN46" i="2"/>
  <c r="AO46" i="2"/>
  <c r="AP46" i="2"/>
  <c r="AQ46" i="2"/>
  <c r="AR46" i="2"/>
  <c r="AS46" i="2"/>
  <c r="AT46" i="2"/>
  <c r="AU46" i="2"/>
  <c r="AV46" i="2"/>
  <c r="AW46" i="2"/>
  <c r="AX46" i="2"/>
  <c r="AY46" i="2"/>
  <c r="B47" i="2"/>
  <c r="C47" i="2"/>
  <c r="D47" i="2"/>
  <c r="E47" i="2"/>
  <c r="F47" i="2"/>
  <c r="G47" i="2"/>
  <c r="H47" i="2"/>
  <c r="I47" i="2"/>
  <c r="J47" i="2"/>
  <c r="K47" i="2"/>
  <c r="L47" i="2"/>
  <c r="M47" i="2"/>
  <c r="N47" i="2"/>
  <c r="O47" i="2"/>
  <c r="P47" i="2"/>
  <c r="Q47" i="2"/>
  <c r="R47" i="2"/>
  <c r="S47" i="2"/>
  <c r="T47" i="2"/>
  <c r="U47" i="2"/>
  <c r="V47" i="2"/>
  <c r="W47" i="2"/>
  <c r="X47" i="2"/>
  <c r="Y47" i="2"/>
  <c r="Z47" i="2"/>
  <c r="AA47" i="2"/>
  <c r="AB47" i="2"/>
  <c r="AC47" i="2"/>
  <c r="AD47" i="2"/>
  <c r="AE47" i="2"/>
  <c r="AF47" i="2"/>
  <c r="AG47" i="2"/>
  <c r="AH47" i="2"/>
  <c r="AI47" i="2"/>
  <c r="AJ47" i="2"/>
  <c r="AK47" i="2"/>
  <c r="AL47" i="2"/>
  <c r="AM47" i="2"/>
  <c r="AN47" i="2"/>
  <c r="AO47" i="2"/>
  <c r="AP47" i="2"/>
  <c r="AQ47" i="2"/>
  <c r="AR47" i="2"/>
  <c r="AS47" i="2"/>
  <c r="AT47" i="2"/>
  <c r="AU47" i="2"/>
  <c r="AV47" i="2"/>
  <c r="AW47" i="2"/>
  <c r="AX47" i="2"/>
  <c r="AY47" i="2"/>
  <c r="B48" i="2"/>
  <c r="C48" i="2"/>
  <c r="D48" i="2"/>
  <c r="E48" i="2"/>
  <c r="F48" i="2"/>
  <c r="G48" i="2"/>
  <c r="H48" i="2"/>
  <c r="I48" i="2"/>
  <c r="J48" i="2"/>
  <c r="K48" i="2"/>
  <c r="L48" i="2"/>
  <c r="M48" i="2"/>
  <c r="N48" i="2"/>
  <c r="O48" i="2"/>
  <c r="P48" i="2"/>
  <c r="Q48" i="2"/>
  <c r="R48" i="2"/>
  <c r="S48" i="2"/>
  <c r="T48" i="2"/>
  <c r="U48" i="2"/>
  <c r="V48" i="2"/>
  <c r="W48" i="2"/>
  <c r="X48" i="2"/>
  <c r="Y48" i="2"/>
  <c r="Z48" i="2"/>
  <c r="AA48" i="2"/>
  <c r="AB48" i="2"/>
  <c r="AC48" i="2"/>
  <c r="AD48" i="2"/>
  <c r="AE48" i="2"/>
  <c r="AF48" i="2"/>
  <c r="AG48" i="2"/>
  <c r="AH48" i="2"/>
  <c r="AI48" i="2"/>
  <c r="AJ48" i="2"/>
  <c r="AK48" i="2"/>
  <c r="AL48" i="2"/>
  <c r="AM48" i="2"/>
  <c r="AN48" i="2"/>
  <c r="AO48" i="2"/>
  <c r="AP48" i="2"/>
  <c r="AQ48" i="2"/>
  <c r="AR48" i="2"/>
  <c r="AS48" i="2"/>
  <c r="AT48" i="2"/>
  <c r="AU48" i="2"/>
  <c r="AV48" i="2"/>
  <c r="AW48" i="2"/>
  <c r="AX48" i="2"/>
  <c r="AY48" i="2"/>
  <c r="B49" i="2"/>
  <c r="C49" i="2"/>
  <c r="D49" i="2"/>
  <c r="E49" i="2"/>
  <c r="F49" i="2"/>
  <c r="G49" i="2"/>
  <c r="H49" i="2"/>
  <c r="I49" i="2"/>
  <c r="J49" i="2"/>
  <c r="K49" i="2"/>
  <c r="L49" i="2"/>
  <c r="M49" i="2"/>
  <c r="N49" i="2"/>
  <c r="O49" i="2"/>
  <c r="P49" i="2"/>
  <c r="Q49" i="2"/>
  <c r="R49" i="2"/>
  <c r="S49" i="2"/>
  <c r="T49" i="2"/>
  <c r="U49" i="2"/>
  <c r="V49" i="2"/>
  <c r="W49" i="2"/>
  <c r="X49" i="2"/>
  <c r="Y49" i="2"/>
  <c r="Z49" i="2"/>
  <c r="AA49" i="2"/>
  <c r="AB49" i="2"/>
  <c r="AC49" i="2"/>
  <c r="AD49" i="2"/>
  <c r="AE49" i="2"/>
  <c r="AF49" i="2"/>
  <c r="AG49" i="2"/>
  <c r="AH49" i="2"/>
  <c r="AI49" i="2"/>
  <c r="AJ49" i="2"/>
  <c r="AK49" i="2"/>
  <c r="AL49" i="2"/>
  <c r="AM49" i="2"/>
  <c r="AN49" i="2"/>
  <c r="AO49" i="2"/>
  <c r="AP49" i="2"/>
  <c r="AQ49" i="2"/>
  <c r="AR49" i="2"/>
  <c r="AS49" i="2"/>
  <c r="AT49" i="2"/>
  <c r="AU49" i="2"/>
  <c r="AV49" i="2"/>
  <c r="AW49" i="2"/>
  <c r="AX49" i="2"/>
  <c r="AY49" i="2"/>
  <c r="B50" i="2"/>
  <c r="C50" i="2"/>
  <c r="D50" i="2"/>
  <c r="E50" i="2"/>
  <c r="F50" i="2"/>
  <c r="G50" i="2"/>
  <c r="H50" i="2"/>
  <c r="I50" i="2"/>
  <c r="J50" i="2"/>
  <c r="K50" i="2"/>
  <c r="L50" i="2"/>
  <c r="M50" i="2"/>
  <c r="N50" i="2"/>
  <c r="O50" i="2"/>
  <c r="P50" i="2"/>
  <c r="Q50" i="2"/>
  <c r="R50" i="2"/>
  <c r="S50" i="2"/>
  <c r="T50" i="2"/>
  <c r="U50" i="2"/>
  <c r="V50" i="2"/>
  <c r="W50" i="2"/>
  <c r="X50" i="2"/>
  <c r="Y50" i="2"/>
  <c r="Z50" i="2"/>
  <c r="AA50" i="2"/>
  <c r="AB50" i="2"/>
  <c r="AC50" i="2"/>
  <c r="AD50" i="2"/>
  <c r="AE50" i="2"/>
  <c r="AF50" i="2"/>
  <c r="AG50" i="2"/>
  <c r="AH50" i="2"/>
  <c r="AI50" i="2"/>
  <c r="AJ50" i="2"/>
  <c r="AK50" i="2"/>
  <c r="AL50" i="2"/>
  <c r="AM50" i="2"/>
  <c r="AN50" i="2"/>
  <c r="AO50" i="2"/>
  <c r="AP50" i="2"/>
  <c r="AQ50" i="2"/>
  <c r="AR50" i="2"/>
  <c r="AS50" i="2"/>
  <c r="AT50" i="2"/>
  <c r="AU50" i="2"/>
  <c r="AV50" i="2"/>
  <c r="AW50" i="2"/>
  <c r="AX50" i="2"/>
  <c r="AY50" i="2"/>
  <c r="B51" i="2"/>
  <c r="C51" i="2"/>
  <c r="D51" i="2"/>
  <c r="E51" i="2"/>
  <c r="F51" i="2"/>
  <c r="G51" i="2"/>
  <c r="H51" i="2"/>
  <c r="I51" i="2"/>
  <c r="J51" i="2"/>
  <c r="K51" i="2"/>
  <c r="L51" i="2"/>
  <c r="M51" i="2"/>
  <c r="N51" i="2"/>
  <c r="O51" i="2"/>
  <c r="P51" i="2"/>
  <c r="Q51" i="2"/>
  <c r="R51" i="2"/>
  <c r="S51" i="2"/>
  <c r="T51" i="2"/>
  <c r="U51" i="2"/>
  <c r="V51" i="2"/>
  <c r="W51" i="2"/>
  <c r="X51" i="2"/>
  <c r="Y51" i="2"/>
  <c r="Z51" i="2"/>
  <c r="AA51" i="2"/>
  <c r="AB51" i="2"/>
  <c r="AC51" i="2"/>
  <c r="AD51" i="2"/>
  <c r="AE51" i="2"/>
  <c r="AF51" i="2"/>
  <c r="AG51" i="2"/>
  <c r="AH51" i="2"/>
  <c r="AI51" i="2"/>
  <c r="AJ51" i="2"/>
  <c r="AK51" i="2"/>
  <c r="AL51" i="2"/>
  <c r="AM51" i="2"/>
  <c r="AN51" i="2"/>
  <c r="AO51" i="2"/>
  <c r="AP51" i="2"/>
  <c r="AQ51" i="2"/>
  <c r="AR51" i="2"/>
  <c r="AS51" i="2"/>
  <c r="AT51" i="2"/>
  <c r="AU51" i="2"/>
  <c r="AV51" i="2"/>
  <c r="AW51" i="2"/>
  <c r="AX51" i="2"/>
  <c r="AY51" i="2"/>
  <c r="C2" i="2"/>
  <c r="D2" i="2"/>
  <c r="E2" i="2"/>
  <c r="F2" i="2"/>
  <c r="G2" i="2"/>
  <c r="H2" i="2"/>
  <c r="I2" i="2"/>
  <c r="J2" i="2"/>
  <c r="K2" i="2"/>
  <c r="L2" i="2"/>
  <c r="M2" i="2"/>
  <c r="N2" i="2"/>
  <c r="O2" i="2"/>
  <c r="P2" i="2"/>
  <c r="Q2" i="2"/>
  <c r="R2" i="2"/>
  <c r="S2" i="2"/>
  <c r="T2" i="2"/>
  <c r="U2" i="2"/>
  <c r="V2" i="2"/>
  <c r="W2" i="2"/>
  <c r="X2" i="2"/>
  <c r="Y2" i="2"/>
  <c r="Z2" i="2"/>
  <c r="AA2" i="2"/>
  <c r="AB2" i="2"/>
  <c r="AC2" i="2"/>
  <c r="AD2" i="2"/>
  <c r="AE2" i="2"/>
  <c r="AF2" i="2"/>
  <c r="AG2" i="2"/>
  <c r="AH2" i="2"/>
  <c r="AI2" i="2"/>
  <c r="AJ2" i="2"/>
  <c r="AK2" i="2"/>
  <c r="AL2" i="2"/>
  <c r="AM2" i="2"/>
  <c r="AN2" i="2"/>
  <c r="AO2" i="2"/>
  <c r="AP2" i="2"/>
  <c r="AQ2" i="2"/>
  <c r="AR2" i="2"/>
  <c r="AS2" i="2"/>
  <c r="AT2" i="2"/>
  <c r="AU2" i="2"/>
  <c r="AV2" i="2"/>
  <c r="AW2" i="2"/>
  <c r="AX2" i="2"/>
  <c r="AY2" i="2"/>
  <c r="B2" i="2"/>
  <c r="C3" i="3" a="1"/>
  <c r="C3" i="3" s="1"/>
  <c r="C2" i="3"/>
  <c r="C7" i="3" l="1" a="1"/>
  <c r="C7" i="3" s="1"/>
</calcChain>
</file>

<file path=xl/sharedStrings.xml><?xml version="1.0" encoding="utf-8"?>
<sst xmlns="http://schemas.openxmlformats.org/spreadsheetml/2006/main" count="12" uniqueCount="12">
  <si>
    <t>Baktérium sorszáma</t>
  </si>
  <si>
    <t>Van ilyen?</t>
  </si>
  <si>
    <t>A képen szereplő baktériumok száma:</t>
  </si>
  <si>
    <t>5.  feladat</t>
  </si>
  <si>
    <t>6. feladat</t>
  </si>
  <si>
    <t>7. feladat</t>
  </si>
  <si>
    <t>A legnagyobb területű baktérium száma:</t>
  </si>
  <si>
    <t>8. feladat</t>
  </si>
  <si>
    <t>9. feladat</t>
  </si>
  <si>
    <t>Érintkező baktériumok:</t>
  </si>
  <si>
    <t>Téglalap szélessége:</t>
  </si>
  <si>
    <t>Téglalap magasság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&quot; egység&quot;"/>
    <numFmt numFmtId="165" formatCode="##&quot;. - &quot;#0&quot;.&quot;"/>
  </numFmts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charset val="238"/>
      <scheme val="minor"/>
    </font>
    <font>
      <i/>
      <sz val="11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/>
    </xf>
    <xf numFmtId="0" fontId="0" fillId="0" borderId="1" xfId="0" applyBorder="1" applyAlignment="1">
      <alignment horizontal="center" vertical="center"/>
    </xf>
    <xf numFmtId="0" fontId="1" fillId="0" borderId="1" xfId="0" applyFont="1" applyBorder="1" applyAlignment="1">
      <alignment wrapText="1"/>
    </xf>
    <xf numFmtId="0" fontId="2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left" vertical="center" wrapText="1"/>
    </xf>
    <xf numFmtId="0" fontId="1" fillId="0" borderId="1" xfId="0" applyFont="1" applyBorder="1"/>
    <xf numFmtId="164" fontId="0" fillId="0" borderId="1" xfId="0" applyNumberFormat="1" applyBorder="1" applyAlignment="1">
      <alignment horizontal="center"/>
    </xf>
    <xf numFmtId="165" fontId="0" fillId="0" borderId="1" xfId="0" applyNumberFormat="1" applyBorder="1" applyAlignment="1">
      <alignment horizontal="center"/>
    </xf>
    <xf numFmtId="0" fontId="0" fillId="0" borderId="0" xfId="0" applyNumberFormat="1"/>
    <xf numFmtId="0" fontId="2" fillId="0" borderId="1" xfId="0" applyFont="1" applyBorder="1" applyAlignment="1">
      <alignment horizontal="center" vertical="center"/>
    </xf>
  </cellXfs>
  <cellStyles count="1">
    <cellStyle name="Normál" xfId="0" builtinId="0"/>
  </cellStyles>
  <dxfs count="1">
    <dxf>
      <fill>
        <patternFill>
          <bgColor theme="0"/>
        </patternFill>
      </fill>
    </dxf>
  </dxfs>
  <tableStyles count="0" defaultTableStyle="TableStyleMedium2" defaultPivotStyle="PivotStyleLight16"/>
  <colors>
    <mruColors>
      <color rgb="FF9A57C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X50"/>
  <sheetViews>
    <sheetView tabSelected="1" zoomScaleNormal="100" workbookViewId="0"/>
  </sheetViews>
  <sheetFormatPr defaultColWidth="9.140625" defaultRowHeight="15" x14ac:dyDescent="0.25"/>
  <cols>
    <col min="1" max="50" width="3.140625" style="1" customWidth="1"/>
  </cols>
  <sheetData>
    <row r="1" spans="5:40" ht="17.100000000000001" customHeight="1" x14ac:dyDescent="0.25"/>
    <row r="2" spans="5:40" ht="17.100000000000001" customHeight="1" x14ac:dyDescent="0.25"/>
    <row r="3" spans="5:40" ht="17.100000000000001" customHeight="1" x14ac:dyDescent="0.25">
      <c r="F3" s="1">
        <v>7</v>
      </c>
    </row>
    <row r="4" spans="5:40" ht="17.100000000000001" customHeight="1" x14ac:dyDescent="0.25">
      <c r="E4" s="1">
        <v>7</v>
      </c>
      <c r="F4" s="1">
        <v>7</v>
      </c>
      <c r="G4" s="1">
        <v>7</v>
      </c>
      <c r="H4" s="1">
        <v>7</v>
      </c>
      <c r="I4" s="1">
        <v>7</v>
      </c>
      <c r="J4" s="1">
        <v>7</v>
      </c>
      <c r="K4" s="1">
        <v>7</v>
      </c>
      <c r="L4" s="1">
        <v>7</v>
      </c>
      <c r="V4" s="1">
        <v>9</v>
      </c>
      <c r="W4" s="1">
        <v>9</v>
      </c>
      <c r="X4" s="1">
        <v>9</v>
      </c>
      <c r="AC4" s="1">
        <v>11</v>
      </c>
      <c r="AD4" s="1">
        <v>11</v>
      </c>
      <c r="AE4" s="1">
        <v>11</v>
      </c>
    </row>
    <row r="5" spans="5:40" ht="17.100000000000001" customHeight="1" x14ac:dyDescent="0.25">
      <c r="F5" s="1">
        <v>7</v>
      </c>
      <c r="G5" s="1">
        <v>7</v>
      </c>
      <c r="H5" s="1">
        <v>7</v>
      </c>
      <c r="I5" s="1">
        <v>7</v>
      </c>
      <c r="J5" s="1">
        <v>7</v>
      </c>
      <c r="K5" s="1">
        <v>7</v>
      </c>
      <c r="X5" s="1">
        <v>9</v>
      </c>
      <c r="AC5" s="1">
        <v>11</v>
      </c>
      <c r="AD5" s="1">
        <v>11</v>
      </c>
      <c r="AE5" s="1">
        <v>11</v>
      </c>
    </row>
    <row r="6" spans="5:40" ht="17.100000000000001" customHeight="1" x14ac:dyDescent="0.25">
      <c r="F6" s="1">
        <v>7</v>
      </c>
      <c r="G6" s="1">
        <v>7</v>
      </c>
      <c r="H6" s="1">
        <v>7</v>
      </c>
      <c r="I6" s="1">
        <v>7</v>
      </c>
      <c r="J6" s="1">
        <v>7</v>
      </c>
      <c r="K6" s="1">
        <v>7</v>
      </c>
      <c r="W6" s="1">
        <v>9</v>
      </c>
      <c r="X6" s="1">
        <v>9</v>
      </c>
      <c r="AC6" s="1">
        <v>11</v>
      </c>
    </row>
    <row r="7" spans="5:40" ht="17.100000000000001" customHeight="1" x14ac:dyDescent="0.25">
      <c r="F7" s="1">
        <v>7</v>
      </c>
      <c r="G7" s="1">
        <v>7</v>
      </c>
      <c r="H7" s="1">
        <v>7</v>
      </c>
      <c r="I7" s="1">
        <v>7</v>
      </c>
      <c r="J7" s="1">
        <v>7</v>
      </c>
      <c r="K7" s="1">
        <v>7</v>
      </c>
      <c r="W7" s="1">
        <v>9</v>
      </c>
      <c r="X7" s="1">
        <v>9</v>
      </c>
      <c r="AC7" s="1">
        <v>11</v>
      </c>
      <c r="AD7" s="1">
        <v>11</v>
      </c>
      <c r="AE7" s="1">
        <v>11</v>
      </c>
      <c r="AM7" s="1">
        <v>6</v>
      </c>
    </row>
    <row r="8" spans="5:40" ht="17.100000000000001" customHeight="1" x14ac:dyDescent="0.25">
      <c r="F8" s="1">
        <v>7</v>
      </c>
      <c r="G8" s="1">
        <v>7</v>
      </c>
      <c r="H8" s="1">
        <v>7</v>
      </c>
      <c r="I8" s="1">
        <v>7</v>
      </c>
      <c r="J8" s="1">
        <v>7</v>
      </c>
      <c r="K8" s="1">
        <v>7</v>
      </c>
      <c r="AA8" s="1">
        <v>11</v>
      </c>
      <c r="AB8" s="1">
        <v>11</v>
      </c>
      <c r="AC8" s="1">
        <v>11</v>
      </c>
      <c r="AD8" s="1">
        <v>11</v>
      </c>
      <c r="AE8" s="1">
        <v>11</v>
      </c>
      <c r="AL8" s="1">
        <v>6</v>
      </c>
      <c r="AM8" s="1">
        <v>6</v>
      </c>
      <c r="AN8" s="1">
        <v>6</v>
      </c>
    </row>
    <row r="9" spans="5:40" ht="17.100000000000001" customHeight="1" x14ac:dyDescent="0.25">
      <c r="H9" s="1">
        <v>7</v>
      </c>
      <c r="I9" s="1">
        <v>7</v>
      </c>
      <c r="J9" s="1">
        <v>7</v>
      </c>
      <c r="AC9" s="1">
        <v>11</v>
      </c>
      <c r="AD9" s="1">
        <v>11</v>
      </c>
      <c r="AE9" s="1">
        <v>11</v>
      </c>
      <c r="AL9" s="1">
        <v>6</v>
      </c>
      <c r="AM9" s="1">
        <v>6</v>
      </c>
    </row>
    <row r="10" spans="5:40" ht="17.100000000000001" customHeight="1" x14ac:dyDescent="0.25">
      <c r="AC10" s="1">
        <v>11</v>
      </c>
      <c r="AD10" s="1">
        <v>11</v>
      </c>
      <c r="AE10" s="1">
        <v>11</v>
      </c>
      <c r="AL10" s="1">
        <v>6</v>
      </c>
      <c r="AM10" s="1">
        <v>6</v>
      </c>
    </row>
    <row r="11" spans="5:40" ht="17.100000000000001" customHeight="1" x14ac:dyDescent="0.25">
      <c r="AC11" s="1">
        <v>11</v>
      </c>
      <c r="AD11" s="1">
        <v>11</v>
      </c>
      <c r="AE11" s="1">
        <v>11</v>
      </c>
      <c r="AL11" s="1">
        <v>6</v>
      </c>
      <c r="AM11" s="1">
        <v>6</v>
      </c>
      <c r="AN11" s="1">
        <v>6</v>
      </c>
    </row>
    <row r="12" spans="5:40" ht="17.100000000000001" customHeight="1" x14ac:dyDescent="0.25">
      <c r="I12" s="1">
        <v>2</v>
      </c>
      <c r="J12" s="1">
        <v>2</v>
      </c>
      <c r="K12" s="1">
        <v>2</v>
      </c>
      <c r="L12" s="1">
        <v>2</v>
      </c>
      <c r="M12" s="1">
        <v>2</v>
      </c>
      <c r="AC12" s="1">
        <v>11</v>
      </c>
      <c r="AD12" s="1">
        <v>11</v>
      </c>
      <c r="AE12" s="1">
        <v>11</v>
      </c>
      <c r="AL12" s="1">
        <v>6</v>
      </c>
      <c r="AN12" s="1">
        <v>6</v>
      </c>
    </row>
    <row r="13" spans="5:40" ht="17.100000000000001" customHeight="1" x14ac:dyDescent="0.25">
      <c r="H13" s="1">
        <v>2</v>
      </c>
      <c r="I13" s="1">
        <v>2</v>
      </c>
      <c r="J13" s="1">
        <v>2</v>
      </c>
      <c r="K13" s="1">
        <v>12</v>
      </c>
      <c r="L13" s="1">
        <v>12</v>
      </c>
      <c r="M13" s="1">
        <v>12</v>
      </c>
      <c r="N13" s="1">
        <v>12</v>
      </c>
      <c r="R13" s="1">
        <v>16</v>
      </c>
      <c r="S13" s="1">
        <v>16</v>
      </c>
      <c r="T13" s="1">
        <v>16</v>
      </c>
      <c r="AC13" s="1">
        <v>11</v>
      </c>
      <c r="AD13" s="1">
        <v>11</v>
      </c>
      <c r="AE13" s="1">
        <v>11</v>
      </c>
      <c r="AM13" s="1">
        <v>6</v>
      </c>
      <c r="AN13" s="1">
        <v>6</v>
      </c>
    </row>
    <row r="14" spans="5:40" ht="17.100000000000001" customHeight="1" x14ac:dyDescent="0.25">
      <c r="H14" s="1">
        <v>2</v>
      </c>
      <c r="I14" s="1">
        <v>12</v>
      </c>
      <c r="J14" s="1">
        <v>12</v>
      </c>
      <c r="K14" s="1">
        <v>12</v>
      </c>
      <c r="L14" s="1">
        <v>12</v>
      </c>
      <c r="M14" s="1">
        <v>12</v>
      </c>
      <c r="N14" s="1">
        <v>12</v>
      </c>
      <c r="R14" s="1">
        <v>16</v>
      </c>
      <c r="S14" s="1">
        <v>16</v>
      </c>
      <c r="T14" s="1">
        <v>16</v>
      </c>
      <c r="AE14" s="1">
        <v>11</v>
      </c>
      <c r="AN14" s="1">
        <v>6</v>
      </c>
    </row>
    <row r="15" spans="5:40" ht="17.100000000000001" customHeight="1" x14ac:dyDescent="0.25">
      <c r="G15" s="1">
        <v>2</v>
      </c>
      <c r="H15" s="1">
        <v>2</v>
      </c>
      <c r="I15" s="1">
        <v>12</v>
      </c>
      <c r="J15" s="1">
        <v>12</v>
      </c>
      <c r="K15" s="1">
        <v>12</v>
      </c>
      <c r="L15" s="1">
        <v>12</v>
      </c>
      <c r="M15" s="1">
        <v>2</v>
      </c>
      <c r="R15" s="1">
        <v>16</v>
      </c>
      <c r="S15" s="1">
        <v>16</v>
      </c>
      <c r="T15" s="1">
        <v>16</v>
      </c>
      <c r="AE15" s="1">
        <v>11</v>
      </c>
    </row>
    <row r="16" spans="5:40" ht="17.100000000000001" customHeight="1" x14ac:dyDescent="0.25">
      <c r="H16" s="1">
        <v>2</v>
      </c>
      <c r="I16" s="1">
        <v>2</v>
      </c>
      <c r="J16" s="1">
        <v>2</v>
      </c>
      <c r="K16" s="1">
        <v>2</v>
      </c>
      <c r="L16" s="1">
        <v>2</v>
      </c>
      <c r="M16" s="1">
        <v>2</v>
      </c>
      <c r="R16" s="1">
        <v>16</v>
      </c>
      <c r="S16" s="1">
        <v>16</v>
      </c>
      <c r="T16" s="1">
        <v>16</v>
      </c>
    </row>
    <row r="17" spans="4:39" ht="17.100000000000001" customHeight="1" x14ac:dyDescent="0.25">
      <c r="H17" s="1">
        <v>2</v>
      </c>
      <c r="I17" s="1">
        <v>2</v>
      </c>
      <c r="AA17" s="1">
        <v>20</v>
      </c>
    </row>
    <row r="18" spans="4:39" ht="17.100000000000001" customHeight="1" x14ac:dyDescent="0.25">
      <c r="AA18" s="1">
        <v>20</v>
      </c>
    </row>
    <row r="19" spans="4:39" ht="17.100000000000001" customHeight="1" x14ac:dyDescent="0.25">
      <c r="Y19" s="1">
        <v>20</v>
      </c>
      <c r="Z19" s="1">
        <v>20</v>
      </c>
      <c r="AA19" s="1">
        <v>20</v>
      </c>
      <c r="AB19" s="1">
        <v>20</v>
      </c>
      <c r="AC19" s="1">
        <v>20</v>
      </c>
    </row>
    <row r="20" spans="4:39" ht="17.100000000000001" customHeight="1" x14ac:dyDescent="0.25">
      <c r="AA20" s="1">
        <v>20</v>
      </c>
    </row>
    <row r="21" spans="4:39" ht="17.100000000000001" customHeight="1" x14ac:dyDescent="0.25">
      <c r="AA21" s="1">
        <v>20</v>
      </c>
    </row>
    <row r="22" spans="4:39" ht="17.100000000000001" customHeight="1" x14ac:dyDescent="0.25"/>
    <row r="23" spans="4:39" ht="17.100000000000001" customHeight="1" x14ac:dyDescent="0.25"/>
    <row r="24" spans="4:39" ht="17.100000000000001" customHeight="1" x14ac:dyDescent="0.25">
      <c r="F24" s="1">
        <v>4</v>
      </c>
      <c r="G24" s="1">
        <v>4</v>
      </c>
      <c r="H24" s="1">
        <v>4</v>
      </c>
      <c r="I24" s="1">
        <v>4</v>
      </c>
      <c r="W24" s="1">
        <v>8</v>
      </c>
      <c r="X24" s="1">
        <v>8</v>
      </c>
      <c r="AD24" s="1">
        <v>14</v>
      </c>
      <c r="AE24" s="1">
        <v>14</v>
      </c>
      <c r="AF24" s="1">
        <v>14</v>
      </c>
      <c r="AG24" s="1">
        <v>14</v>
      </c>
      <c r="AL24" s="1">
        <v>19</v>
      </c>
    </row>
    <row r="25" spans="4:39" ht="17.100000000000001" customHeight="1" x14ac:dyDescent="0.25">
      <c r="G25" s="1">
        <v>4</v>
      </c>
      <c r="H25" s="1">
        <v>4</v>
      </c>
      <c r="I25" s="1">
        <v>4</v>
      </c>
      <c r="W25" s="1">
        <v>8</v>
      </c>
      <c r="X25" s="1">
        <v>8</v>
      </c>
      <c r="AC25" s="1">
        <v>14</v>
      </c>
      <c r="AD25" s="1">
        <v>14</v>
      </c>
      <c r="AF25" s="1">
        <v>14</v>
      </c>
      <c r="AK25" s="1">
        <v>19</v>
      </c>
      <c r="AL25" s="1">
        <v>19</v>
      </c>
      <c r="AM25" s="1">
        <v>19</v>
      </c>
    </row>
    <row r="26" spans="4:39" ht="17.100000000000001" customHeight="1" x14ac:dyDescent="0.25">
      <c r="F26" s="1">
        <v>1</v>
      </c>
      <c r="G26" s="1">
        <v>1</v>
      </c>
      <c r="H26" s="1">
        <v>4</v>
      </c>
      <c r="W26" s="1">
        <v>8</v>
      </c>
      <c r="X26" s="1">
        <v>8</v>
      </c>
      <c r="Y26" s="1">
        <v>8</v>
      </c>
      <c r="AC26" s="1">
        <v>14</v>
      </c>
      <c r="AE26" s="1">
        <v>14</v>
      </c>
      <c r="AF26" s="1">
        <v>14</v>
      </c>
      <c r="AG26" s="1">
        <v>14</v>
      </c>
      <c r="AL26" s="1">
        <v>19</v>
      </c>
    </row>
    <row r="27" spans="4:39" ht="17.100000000000001" customHeight="1" x14ac:dyDescent="0.25">
      <c r="D27" s="1">
        <v>1</v>
      </c>
      <c r="E27" s="1">
        <v>1</v>
      </c>
      <c r="F27" s="1">
        <v>1</v>
      </c>
      <c r="G27" s="1">
        <v>1</v>
      </c>
      <c r="H27" s="1">
        <v>4</v>
      </c>
      <c r="V27" s="1">
        <v>8</v>
      </c>
      <c r="W27" s="1">
        <v>8</v>
      </c>
      <c r="X27" s="1">
        <v>8</v>
      </c>
      <c r="Y27" s="1">
        <v>8</v>
      </c>
      <c r="AD27" s="1">
        <v>14</v>
      </c>
      <c r="AF27" s="1">
        <v>14</v>
      </c>
    </row>
    <row r="28" spans="4:39" ht="17.100000000000001" customHeight="1" x14ac:dyDescent="0.25">
      <c r="F28" s="1">
        <v>1</v>
      </c>
      <c r="G28" s="1">
        <v>1</v>
      </c>
      <c r="V28" s="1">
        <v>8</v>
      </c>
      <c r="X28" s="1">
        <v>8</v>
      </c>
      <c r="Y28" s="1">
        <v>8</v>
      </c>
      <c r="AD28" s="1">
        <v>14</v>
      </c>
      <c r="AE28" s="1">
        <v>14</v>
      </c>
      <c r="AF28" s="1">
        <v>14</v>
      </c>
      <c r="AG28" s="1">
        <v>14</v>
      </c>
    </row>
    <row r="29" spans="4:39" ht="17.100000000000001" customHeight="1" x14ac:dyDescent="0.25">
      <c r="V29" s="1">
        <v>8</v>
      </c>
      <c r="X29" s="1">
        <v>8</v>
      </c>
      <c r="AD29" s="1">
        <v>14</v>
      </c>
      <c r="AF29" s="1">
        <v>14</v>
      </c>
    </row>
    <row r="30" spans="4:39" ht="17.100000000000001" customHeight="1" x14ac:dyDescent="0.25">
      <c r="U30" s="1">
        <v>8</v>
      </c>
      <c r="V30" s="1">
        <v>8</v>
      </c>
      <c r="W30" s="1">
        <v>8</v>
      </c>
      <c r="X30" s="1">
        <v>8</v>
      </c>
    </row>
    <row r="31" spans="4:39" ht="17.100000000000001" customHeight="1" x14ac:dyDescent="0.25">
      <c r="V31" s="1">
        <v>8</v>
      </c>
      <c r="W31" s="1">
        <v>8</v>
      </c>
    </row>
    <row r="32" spans="4:39" ht="17.100000000000001" customHeight="1" x14ac:dyDescent="0.25">
      <c r="V32" s="1">
        <v>8</v>
      </c>
      <c r="W32" s="1">
        <v>8</v>
      </c>
      <c r="X32" s="1">
        <v>8</v>
      </c>
    </row>
    <row r="33" spans="6:44" ht="17.100000000000001" customHeight="1" x14ac:dyDescent="0.25">
      <c r="F33" s="1">
        <v>18</v>
      </c>
      <c r="L33" s="1">
        <v>10</v>
      </c>
      <c r="V33" s="1">
        <v>8</v>
      </c>
    </row>
    <row r="34" spans="6:44" ht="17.100000000000001" customHeight="1" x14ac:dyDescent="0.25">
      <c r="F34" s="1">
        <v>18</v>
      </c>
      <c r="L34" s="1">
        <v>10</v>
      </c>
      <c r="M34" s="1">
        <v>10</v>
      </c>
      <c r="V34" s="1">
        <v>8</v>
      </c>
    </row>
    <row r="35" spans="6:44" ht="17.100000000000001" customHeight="1" x14ac:dyDescent="0.25">
      <c r="F35" s="1">
        <v>18</v>
      </c>
      <c r="L35" s="1">
        <v>10</v>
      </c>
      <c r="M35" s="1">
        <v>10</v>
      </c>
    </row>
    <row r="36" spans="6:44" ht="17.100000000000001" customHeight="1" x14ac:dyDescent="0.25">
      <c r="F36" s="1">
        <v>18</v>
      </c>
      <c r="K36" s="1">
        <v>10</v>
      </c>
      <c r="L36" s="1">
        <v>10</v>
      </c>
      <c r="M36" s="1">
        <v>10</v>
      </c>
      <c r="N36" s="1">
        <v>10</v>
      </c>
      <c r="U36" s="1">
        <v>13</v>
      </c>
    </row>
    <row r="37" spans="6:44" ht="17.100000000000001" customHeight="1" x14ac:dyDescent="0.25">
      <c r="F37" s="1">
        <v>18</v>
      </c>
      <c r="L37" s="1">
        <v>10</v>
      </c>
      <c r="U37" s="1">
        <v>13</v>
      </c>
    </row>
    <row r="38" spans="6:44" ht="17.100000000000001" customHeight="1" x14ac:dyDescent="0.25">
      <c r="F38" s="1">
        <v>18</v>
      </c>
      <c r="K38" s="1">
        <v>10</v>
      </c>
      <c r="L38" s="1">
        <v>10</v>
      </c>
      <c r="O38" s="1">
        <v>13</v>
      </c>
      <c r="P38" s="1">
        <v>13</v>
      </c>
      <c r="Q38" s="1">
        <v>13</v>
      </c>
      <c r="R38" s="1">
        <v>13</v>
      </c>
      <c r="S38" s="1">
        <v>13</v>
      </c>
      <c r="T38" s="1">
        <v>13</v>
      </c>
      <c r="U38" s="1">
        <v>13</v>
      </c>
      <c r="V38" s="1">
        <v>13</v>
      </c>
      <c r="W38" s="1">
        <v>13</v>
      </c>
      <c r="AA38" s="1">
        <v>15</v>
      </c>
      <c r="AB38" s="1">
        <v>15</v>
      </c>
      <c r="AN38" s="1">
        <v>17</v>
      </c>
    </row>
    <row r="39" spans="6:44" ht="17.100000000000001" customHeight="1" x14ac:dyDescent="0.25">
      <c r="F39" s="1">
        <v>18</v>
      </c>
      <c r="S39" s="1">
        <v>13</v>
      </c>
      <c r="T39" s="1">
        <v>13</v>
      </c>
      <c r="U39" s="1">
        <v>13</v>
      </c>
      <c r="V39" s="1">
        <v>13</v>
      </c>
      <c r="W39" s="1">
        <v>13</v>
      </c>
      <c r="AA39" s="1">
        <v>15</v>
      </c>
      <c r="AB39" s="1">
        <v>15</v>
      </c>
      <c r="AC39" s="1">
        <v>15</v>
      </c>
      <c r="AD39" s="1">
        <v>15</v>
      </c>
      <c r="AL39" s="1">
        <v>17</v>
      </c>
      <c r="AM39" s="1">
        <v>17</v>
      </c>
      <c r="AN39" s="1">
        <v>17</v>
      </c>
    </row>
    <row r="40" spans="6:44" ht="17.100000000000001" customHeight="1" x14ac:dyDescent="0.25">
      <c r="F40" s="1">
        <v>18</v>
      </c>
      <c r="Q40" s="1">
        <v>13</v>
      </c>
      <c r="R40" s="1">
        <v>13</v>
      </c>
      <c r="S40" s="1">
        <v>13</v>
      </c>
      <c r="T40" s="1">
        <v>13</v>
      </c>
      <c r="U40" s="1">
        <v>13</v>
      </c>
      <c r="V40" s="1">
        <v>13</v>
      </c>
      <c r="W40" s="1">
        <v>13</v>
      </c>
      <c r="AA40" s="1">
        <v>15</v>
      </c>
      <c r="AB40" s="1">
        <v>15</v>
      </c>
      <c r="AL40" s="1">
        <v>17</v>
      </c>
      <c r="AN40" s="1">
        <v>17</v>
      </c>
      <c r="AO40" s="1">
        <v>17</v>
      </c>
    </row>
    <row r="41" spans="6:44" ht="17.100000000000001" customHeight="1" x14ac:dyDescent="0.25">
      <c r="F41" s="1">
        <v>18</v>
      </c>
      <c r="U41" s="1">
        <v>13</v>
      </c>
      <c r="V41" s="1">
        <v>13</v>
      </c>
      <c r="AA41" s="1">
        <v>15</v>
      </c>
      <c r="AB41" s="1">
        <v>15</v>
      </c>
      <c r="AC41" s="1">
        <v>15</v>
      </c>
      <c r="AD41" s="1">
        <v>15</v>
      </c>
      <c r="AK41" s="1">
        <v>17</v>
      </c>
      <c r="AL41" s="1">
        <v>17</v>
      </c>
      <c r="AN41" s="1">
        <v>17</v>
      </c>
      <c r="AO41" s="1">
        <v>17</v>
      </c>
    </row>
    <row r="42" spans="6:44" ht="17.100000000000001" customHeight="1" x14ac:dyDescent="0.25">
      <c r="U42" s="1">
        <v>13</v>
      </c>
      <c r="V42" s="1">
        <v>13</v>
      </c>
      <c r="AA42" s="1">
        <v>15</v>
      </c>
      <c r="AB42" s="1">
        <v>15</v>
      </c>
      <c r="AL42" s="1">
        <v>17</v>
      </c>
      <c r="AM42" s="1">
        <v>17</v>
      </c>
      <c r="AO42" s="1">
        <v>17</v>
      </c>
      <c r="AP42" s="1">
        <v>17</v>
      </c>
    </row>
    <row r="43" spans="6:44" ht="17.100000000000001" customHeight="1" x14ac:dyDescent="0.25">
      <c r="V43" s="1">
        <v>13</v>
      </c>
      <c r="AA43" s="1">
        <v>15</v>
      </c>
      <c r="AB43" s="1">
        <v>15</v>
      </c>
      <c r="AC43" s="1">
        <v>15</v>
      </c>
      <c r="AD43" s="1">
        <v>15</v>
      </c>
    </row>
    <row r="44" spans="6:44" ht="17.100000000000001" customHeight="1" x14ac:dyDescent="0.25">
      <c r="V44" s="1">
        <v>13</v>
      </c>
      <c r="AL44" s="1">
        <v>3</v>
      </c>
      <c r="AM44" s="1">
        <v>3</v>
      </c>
      <c r="AN44" s="1">
        <v>3</v>
      </c>
      <c r="AO44" s="1">
        <v>3</v>
      </c>
      <c r="AP44" s="1">
        <v>3</v>
      </c>
    </row>
    <row r="45" spans="6:44" ht="17.100000000000001" customHeight="1" x14ac:dyDescent="0.25">
      <c r="AL45" s="1">
        <v>3</v>
      </c>
      <c r="AM45" s="1">
        <v>3</v>
      </c>
      <c r="AN45" s="1">
        <v>3</v>
      </c>
      <c r="AO45" s="1">
        <v>3</v>
      </c>
      <c r="AP45" s="1">
        <v>3</v>
      </c>
      <c r="AQ45" s="1">
        <v>3</v>
      </c>
    </row>
    <row r="46" spans="6:44" ht="17.100000000000001" customHeight="1" x14ac:dyDescent="0.25">
      <c r="AP46" s="1">
        <v>3</v>
      </c>
      <c r="AR46" s="1">
        <v>3</v>
      </c>
    </row>
    <row r="47" spans="6:44" ht="17.100000000000001" customHeight="1" x14ac:dyDescent="0.25">
      <c r="AP47" s="1">
        <v>3</v>
      </c>
      <c r="AQ47" s="1">
        <v>3</v>
      </c>
      <c r="AR47" s="1">
        <v>3</v>
      </c>
    </row>
    <row r="48" spans="6:44" ht="17.100000000000001" customHeight="1" x14ac:dyDescent="0.25"/>
    <row r="49" ht="17.100000000000001" customHeight="1" x14ac:dyDescent="0.25"/>
    <row r="50" ht="17.100000000000001" customHeight="1" x14ac:dyDescent="0.25"/>
  </sheetData>
  <conditionalFormatting sqref="A1:AX50">
    <cfRule type="cellIs" dxfId="0" priority="1" operator="equal">
      <formula>""</formula>
    </cfRule>
    <cfRule type="colorScale" priority="2">
      <colorScale>
        <cfvo type="min"/>
        <cfvo type="percentile" val="50"/>
        <cfvo type="max"/>
        <color rgb="FFFF0000"/>
        <color rgb="FF9A57CD"/>
        <color rgb="FFFFFF00"/>
      </colorScale>
    </cfRule>
  </conditionalFormatting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F62321-7B6D-4BD0-8C64-601B4479565A}">
  <dimension ref="B2:AY51"/>
  <sheetViews>
    <sheetView workbookViewId="0"/>
  </sheetViews>
  <sheetFormatPr defaultRowHeight="15" x14ac:dyDescent="0.25"/>
  <cols>
    <col min="1" max="52" width="3.140625" customWidth="1"/>
  </cols>
  <sheetData>
    <row r="2" spans="2:51" x14ac:dyDescent="0.25">
      <c r="B2" t="str">
        <f>IF(kep!A1="","",kep!A1)</f>
        <v/>
      </c>
      <c r="C2" t="str">
        <f>IF(kep!B1="","",kep!B1)</f>
        <v/>
      </c>
      <c r="D2" t="str">
        <f>IF(kep!C1="","",kep!C1)</f>
        <v/>
      </c>
      <c r="E2" t="str">
        <f>IF(kep!D1="","",kep!D1)</f>
        <v/>
      </c>
      <c r="F2" t="str">
        <f>IF(kep!E1="","",kep!E1)</f>
        <v/>
      </c>
      <c r="G2" t="str">
        <f>IF(kep!F1="","",kep!F1)</f>
        <v/>
      </c>
      <c r="H2" t="str">
        <f>IF(kep!G1="","",kep!G1)</f>
        <v/>
      </c>
      <c r="I2" t="str">
        <f>IF(kep!H1="","",kep!H1)</f>
        <v/>
      </c>
      <c r="J2" t="str">
        <f>IF(kep!I1="","",kep!I1)</f>
        <v/>
      </c>
      <c r="K2" t="str">
        <f>IF(kep!J1="","",kep!J1)</f>
        <v/>
      </c>
      <c r="L2" t="str">
        <f>IF(kep!K1="","",kep!K1)</f>
        <v/>
      </c>
      <c r="M2" t="str">
        <f>IF(kep!L1="","",kep!L1)</f>
        <v/>
      </c>
      <c r="N2" t="str">
        <f>IF(kep!M1="","",kep!M1)</f>
        <v/>
      </c>
      <c r="O2" t="str">
        <f>IF(kep!N1="","",kep!N1)</f>
        <v/>
      </c>
      <c r="P2" t="str">
        <f>IF(kep!O1="","",kep!O1)</f>
        <v/>
      </c>
      <c r="Q2" t="str">
        <f>IF(kep!P1="","",kep!P1)</f>
        <v/>
      </c>
      <c r="R2" t="str">
        <f>IF(kep!Q1="","",kep!Q1)</f>
        <v/>
      </c>
      <c r="S2" t="str">
        <f>IF(kep!R1="","",kep!R1)</f>
        <v/>
      </c>
      <c r="T2" t="str">
        <f>IF(kep!S1="","",kep!S1)</f>
        <v/>
      </c>
      <c r="U2" t="str">
        <f>IF(kep!T1="","",kep!T1)</f>
        <v/>
      </c>
      <c r="V2" t="str">
        <f>IF(kep!U1="","",kep!U1)</f>
        <v/>
      </c>
      <c r="W2" t="str">
        <f>IF(kep!V1="","",kep!V1)</f>
        <v/>
      </c>
      <c r="X2" t="str">
        <f>IF(kep!W1="","",kep!W1)</f>
        <v/>
      </c>
      <c r="Y2" t="str">
        <f>IF(kep!X1="","",kep!X1)</f>
        <v/>
      </c>
      <c r="Z2" t="str">
        <f>IF(kep!Y1="","",kep!Y1)</f>
        <v/>
      </c>
      <c r="AA2" t="str">
        <f>IF(kep!Z1="","",kep!Z1)</f>
        <v/>
      </c>
      <c r="AB2" t="str">
        <f>IF(kep!AA1="","",kep!AA1)</f>
        <v/>
      </c>
      <c r="AC2" t="str">
        <f>IF(kep!AB1="","",kep!AB1)</f>
        <v/>
      </c>
      <c r="AD2" t="str">
        <f>IF(kep!AC1="","",kep!AC1)</f>
        <v/>
      </c>
      <c r="AE2" t="str">
        <f>IF(kep!AD1="","",kep!AD1)</f>
        <v/>
      </c>
      <c r="AF2" t="str">
        <f>IF(kep!AE1="","",kep!AE1)</f>
        <v/>
      </c>
      <c r="AG2" t="str">
        <f>IF(kep!AF1="","",kep!AF1)</f>
        <v/>
      </c>
      <c r="AH2" t="str">
        <f>IF(kep!AG1="","",kep!AG1)</f>
        <v/>
      </c>
      <c r="AI2" t="str">
        <f>IF(kep!AH1="","",kep!AH1)</f>
        <v/>
      </c>
      <c r="AJ2" t="str">
        <f>IF(kep!AI1="","",kep!AI1)</f>
        <v/>
      </c>
      <c r="AK2" t="str">
        <f>IF(kep!AJ1="","",kep!AJ1)</f>
        <v/>
      </c>
      <c r="AL2" t="str">
        <f>IF(kep!AK1="","",kep!AK1)</f>
        <v/>
      </c>
      <c r="AM2" t="str">
        <f>IF(kep!AL1="","",kep!AL1)</f>
        <v/>
      </c>
      <c r="AN2" t="str">
        <f>IF(kep!AM1="","",kep!AM1)</f>
        <v/>
      </c>
      <c r="AO2" t="str">
        <f>IF(kep!AN1="","",kep!AN1)</f>
        <v/>
      </c>
      <c r="AP2" t="str">
        <f>IF(kep!AO1="","",kep!AO1)</f>
        <v/>
      </c>
      <c r="AQ2" t="str">
        <f>IF(kep!AP1="","",kep!AP1)</f>
        <v/>
      </c>
      <c r="AR2" t="str">
        <f>IF(kep!AQ1="","",kep!AQ1)</f>
        <v/>
      </c>
      <c r="AS2" t="str">
        <f>IF(kep!AR1="","",kep!AR1)</f>
        <v/>
      </c>
      <c r="AT2" t="str">
        <f>IF(kep!AS1="","",kep!AS1)</f>
        <v/>
      </c>
      <c r="AU2" t="str">
        <f>IF(kep!AT1="","",kep!AT1)</f>
        <v/>
      </c>
      <c r="AV2" t="str">
        <f>IF(kep!AU1="","",kep!AU1)</f>
        <v/>
      </c>
      <c r="AW2" t="str">
        <f>IF(kep!AV1="","",kep!AV1)</f>
        <v/>
      </c>
      <c r="AX2" t="str">
        <f>IF(kep!AW1="","",kep!AW1)</f>
        <v/>
      </c>
      <c r="AY2" t="str">
        <f>IF(kep!AX1="","",kep!AX1)</f>
        <v/>
      </c>
    </row>
    <row r="3" spans="2:51" x14ac:dyDescent="0.25">
      <c r="B3" t="str">
        <f>IF(kep!A2="","",kep!A2)</f>
        <v/>
      </c>
      <c r="C3" t="str">
        <f>IF(kep!B2="","",kep!B2)</f>
        <v/>
      </c>
      <c r="D3" t="str">
        <f>IF(kep!C2="","",kep!C2)</f>
        <v/>
      </c>
      <c r="E3" t="str">
        <f>IF(kep!D2="","",kep!D2)</f>
        <v/>
      </c>
      <c r="F3" t="str">
        <f>IF(kep!E2="","",kep!E2)</f>
        <v/>
      </c>
      <c r="G3" t="str">
        <f>IF(kep!F2="","",kep!F2)</f>
        <v/>
      </c>
      <c r="H3" t="str">
        <f>IF(kep!G2="","",kep!G2)</f>
        <v/>
      </c>
      <c r="I3" t="str">
        <f>IF(kep!H2="","",kep!H2)</f>
        <v/>
      </c>
      <c r="J3" t="str">
        <f>IF(kep!I2="","",kep!I2)</f>
        <v/>
      </c>
      <c r="K3" t="str">
        <f>IF(kep!J2="","",kep!J2)</f>
        <v/>
      </c>
      <c r="L3" t="str">
        <f>IF(kep!K2="","",kep!K2)</f>
        <v/>
      </c>
      <c r="M3" t="str">
        <f>IF(kep!L2="","",kep!L2)</f>
        <v/>
      </c>
      <c r="N3" t="str">
        <f>IF(kep!M2="","",kep!M2)</f>
        <v/>
      </c>
      <c r="O3" t="str">
        <f>IF(kep!N2="","",kep!N2)</f>
        <v/>
      </c>
      <c r="P3" t="str">
        <f>IF(kep!O2="","",kep!O2)</f>
        <v/>
      </c>
      <c r="Q3" t="str">
        <f>IF(kep!P2="","",kep!P2)</f>
        <v/>
      </c>
      <c r="R3" t="str">
        <f>IF(kep!Q2="","",kep!Q2)</f>
        <v/>
      </c>
      <c r="S3" t="str">
        <f>IF(kep!R2="","",kep!R2)</f>
        <v/>
      </c>
      <c r="T3" t="str">
        <f>IF(kep!S2="","",kep!S2)</f>
        <v/>
      </c>
      <c r="U3" t="str">
        <f>IF(kep!T2="","",kep!T2)</f>
        <v/>
      </c>
      <c r="V3" t="str">
        <f>IF(kep!U2="","",kep!U2)</f>
        <v/>
      </c>
      <c r="W3" t="str">
        <f>IF(kep!V2="","",kep!V2)</f>
        <v/>
      </c>
      <c r="X3" t="str">
        <f>IF(kep!W2="","",kep!W2)</f>
        <v/>
      </c>
      <c r="Y3" t="str">
        <f>IF(kep!X2="","",kep!X2)</f>
        <v/>
      </c>
      <c r="Z3" t="str">
        <f>IF(kep!Y2="","",kep!Y2)</f>
        <v/>
      </c>
      <c r="AA3" t="str">
        <f>IF(kep!Z2="","",kep!Z2)</f>
        <v/>
      </c>
      <c r="AB3" t="str">
        <f>IF(kep!AA2="","",kep!AA2)</f>
        <v/>
      </c>
      <c r="AC3" t="str">
        <f>IF(kep!AB2="","",kep!AB2)</f>
        <v/>
      </c>
      <c r="AD3" t="str">
        <f>IF(kep!AC2="","",kep!AC2)</f>
        <v/>
      </c>
      <c r="AE3" t="str">
        <f>IF(kep!AD2="","",kep!AD2)</f>
        <v/>
      </c>
      <c r="AF3" t="str">
        <f>IF(kep!AE2="","",kep!AE2)</f>
        <v/>
      </c>
      <c r="AG3" t="str">
        <f>IF(kep!AF2="","",kep!AF2)</f>
        <v/>
      </c>
      <c r="AH3" t="str">
        <f>IF(kep!AG2="","",kep!AG2)</f>
        <v/>
      </c>
      <c r="AI3" t="str">
        <f>IF(kep!AH2="","",kep!AH2)</f>
        <v/>
      </c>
      <c r="AJ3" t="str">
        <f>IF(kep!AI2="","",kep!AI2)</f>
        <v/>
      </c>
      <c r="AK3" t="str">
        <f>IF(kep!AJ2="","",kep!AJ2)</f>
        <v/>
      </c>
      <c r="AL3" t="str">
        <f>IF(kep!AK2="","",kep!AK2)</f>
        <v/>
      </c>
      <c r="AM3" t="str">
        <f>IF(kep!AL2="","",kep!AL2)</f>
        <v/>
      </c>
      <c r="AN3" t="str">
        <f>IF(kep!AM2="","",kep!AM2)</f>
        <v/>
      </c>
      <c r="AO3" t="str">
        <f>IF(kep!AN2="","",kep!AN2)</f>
        <v/>
      </c>
      <c r="AP3" t="str">
        <f>IF(kep!AO2="","",kep!AO2)</f>
        <v/>
      </c>
      <c r="AQ3" t="str">
        <f>IF(kep!AP2="","",kep!AP2)</f>
        <v/>
      </c>
      <c r="AR3" t="str">
        <f>IF(kep!AQ2="","",kep!AQ2)</f>
        <v/>
      </c>
      <c r="AS3" t="str">
        <f>IF(kep!AR2="","",kep!AR2)</f>
        <v/>
      </c>
      <c r="AT3" t="str">
        <f>IF(kep!AS2="","",kep!AS2)</f>
        <v/>
      </c>
      <c r="AU3" t="str">
        <f>IF(kep!AT2="","",kep!AT2)</f>
        <v/>
      </c>
      <c r="AV3" t="str">
        <f>IF(kep!AU2="","",kep!AU2)</f>
        <v/>
      </c>
      <c r="AW3" t="str">
        <f>IF(kep!AV2="","",kep!AV2)</f>
        <v/>
      </c>
      <c r="AX3" t="str">
        <f>IF(kep!AW2="","",kep!AW2)</f>
        <v/>
      </c>
      <c r="AY3" t="str">
        <f>IF(kep!AX2="","",kep!AX2)</f>
        <v/>
      </c>
    </row>
    <row r="4" spans="2:51" x14ac:dyDescent="0.25">
      <c r="B4" t="str">
        <f>IF(kep!A3="","",kep!A3)</f>
        <v/>
      </c>
      <c r="C4" t="str">
        <f>IF(kep!B3="","",kep!B3)</f>
        <v/>
      </c>
      <c r="D4" t="str">
        <f>IF(kep!C3="","",kep!C3)</f>
        <v/>
      </c>
      <c r="E4" t="str">
        <f>IF(kep!D3="","",kep!D3)</f>
        <v/>
      </c>
      <c r="F4" t="str">
        <f>IF(kep!E3="","",kep!E3)</f>
        <v/>
      </c>
      <c r="G4">
        <f>IF(kep!F3="","",kep!F3)</f>
        <v>7</v>
      </c>
      <c r="H4" t="str">
        <f>IF(kep!G3="","",kep!G3)</f>
        <v/>
      </c>
      <c r="I4" t="str">
        <f>IF(kep!H3="","",kep!H3)</f>
        <v/>
      </c>
      <c r="J4" t="str">
        <f>IF(kep!I3="","",kep!I3)</f>
        <v/>
      </c>
      <c r="K4" t="str">
        <f>IF(kep!J3="","",kep!J3)</f>
        <v/>
      </c>
      <c r="L4" t="str">
        <f>IF(kep!K3="","",kep!K3)</f>
        <v/>
      </c>
      <c r="M4" t="str">
        <f>IF(kep!L3="","",kep!L3)</f>
        <v/>
      </c>
      <c r="N4" t="str">
        <f>IF(kep!M3="","",kep!M3)</f>
        <v/>
      </c>
      <c r="O4" t="str">
        <f>IF(kep!N3="","",kep!N3)</f>
        <v/>
      </c>
      <c r="P4" t="str">
        <f>IF(kep!O3="","",kep!O3)</f>
        <v/>
      </c>
      <c r="Q4" t="str">
        <f>IF(kep!P3="","",kep!P3)</f>
        <v/>
      </c>
      <c r="R4" t="str">
        <f>IF(kep!Q3="","",kep!Q3)</f>
        <v/>
      </c>
      <c r="S4" t="str">
        <f>IF(kep!R3="","",kep!R3)</f>
        <v/>
      </c>
      <c r="T4" t="str">
        <f>IF(kep!S3="","",kep!S3)</f>
        <v/>
      </c>
      <c r="U4" t="str">
        <f>IF(kep!T3="","",kep!T3)</f>
        <v/>
      </c>
      <c r="V4" t="str">
        <f>IF(kep!U3="","",kep!U3)</f>
        <v/>
      </c>
      <c r="W4" t="str">
        <f>IF(kep!V3="","",kep!V3)</f>
        <v/>
      </c>
      <c r="X4" t="str">
        <f>IF(kep!W3="","",kep!W3)</f>
        <v/>
      </c>
      <c r="Y4" t="str">
        <f>IF(kep!X3="","",kep!X3)</f>
        <v/>
      </c>
      <c r="Z4" t="str">
        <f>IF(kep!Y3="","",kep!Y3)</f>
        <v/>
      </c>
      <c r="AA4" t="str">
        <f>IF(kep!Z3="","",kep!Z3)</f>
        <v/>
      </c>
      <c r="AB4" t="str">
        <f>IF(kep!AA3="","",kep!AA3)</f>
        <v/>
      </c>
      <c r="AC4" t="str">
        <f>IF(kep!AB3="","",kep!AB3)</f>
        <v/>
      </c>
      <c r="AD4" t="str">
        <f>IF(kep!AC3="","",kep!AC3)</f>
        <v/>
      </c>
      <c r="AE4" t="str">
        <f>IF(kep!AD3="","",kep!AD3)</f>
        <v/>
      </c>
      <c r="AF4" t="str">
        <f>IF(kep!AE3="","",kep!AE3)</f>
        <v/>
      </c>
      <c r="AG4" t="str">
        <f>IF(kep!AF3="","",kep!AF3)</f>
        <v/>
      </c>
      <c r="AH4" t="str">
        <f>IF(kep!AG3="","",kep!AG3)</f>
        <v/>
      </c>
      <c r="AI4" t="str">
        <f>IF(kep!AH3="","",kep!AH3)</f>
        <v/>
      </c>
      <c r="AJ4" t="str">
        <f>IF(kep!AI3="","",kep!AI3)</f>
        <v/>
      </c>
      <c r="AK4" t="str">
        <f>IF(kep!AJ3="","",kep!AJ3)</f>
        <v/>
      </c>
      <c r="AL4" t="str">
        <f>IF(kep!AK3="","",kep!AK3)</f>
        <v/>
      </c>
      <c r="AM4" t="str">
        <f>IF(kep!AL3="","",kep!AL3)</f>
        <v/>
      </c>
      <c r="AN4" t="str">
        <f>IF(kep!AM3="","",kep!AM3)</f>
        <v/>
      </c>
      <c r="AO4" t="str">
        <f>IF(kep!AN3="","",kep!AN3)</f>
        <v/>
      </c>
      <c r="AP4" t="str">
        <f>IF(kep!AO3="","",kep!AO3)</f>
        <v/>
      </c>
      <c r="AQ4" t="str">
        <f>IF(kep!AP3="","",kep!AP3)</f>
        <v/>
      </c>
      <c r="AR4" t="str">
        <f>IF(kep!AQ3="","",kep!AQ3)</f>
        <v/>
      </c>
      <c r="AS4" t="str">
        <f>IF(kep!AR3="","",kep!AR3)</f>
        <v/>
      </c>
      <c r="AT4" t="str">
        <f>IF(kep!AS3="","",kep!AS3)</f>
        <v/>
      </c>
      <c r="AU4" t="str">
        <f>IF(kep!AT3="","",kep!AT3)</f>
        <v/>
      </c>
      <c r="AV4" t="str">
        <f>IF(kep!AU3="","",kep!AU3)</f>
        <v/>
      </c>
      <c r="AW4" t="str">
        <f>IF(kep!AV3="","",kep!AV3)</f>
        <v/>
      </c>
      <c r="AX4" t="str">
        <f>IF(kep!AW3="","",kep!AW3)</f>
        <v/>
      </c>
      <c r="AY4" t="str">
        <f>IF(kep!AX3="","",kep!AX3)</f>
        <v/>
      </c>
    </row>
    <row r="5" spans="2:51" x14ac:dyDescent="0.25">
      <c r="B5" t="str">
        <f>IF(kep!A4="","",kep!A4)</f>
        <v/>
      </c>
      <c r="C5" t="str">
        <f>IF(kep!B4="","",kep!B4)</f>
        <v/>
      </c>
      <c r="D5" t="str">
        <f>IF(kep!C4="","",kep!C4)</f>
        <v/>
      </c>
      <c r="E5" t="str">
        <f>IF(kep!D4="","",kep!D4)</f>
        <v/>
      </c>
      <c r="F5">
        <f>IF(kep!E4="","",kep!E4)</f>
        <v>7</v>
      </c>
      <c r="G5">
        <f>IF(kep!F4="","",kep!F4)</f>
        <v>7</v>
      </c>
      <c r="H5">
        <f>IF(kep!G4="","",kep!G4)</f>
        <v>7</v>
      </c>
      <c r="I5">
        <f>IF(kep!H4="","",kep!H4)</f>
        <v>7</v>
      </c>
      <c r="J5">
        <f>IF(kep!I4="","",kep!I4)</f>
        <v>7</v>
      </c>
      <c r="K5">
        <f>IF(kep!J4="","",kep!J4)</f>
        <v>7</v>
      </c>
      <c r="L5">
        <f>IF(kep!K4="","",kep!K4)</f>
        <v>7</v>
      </c>
      <c r="M5">
        <f>IF(kep!L4="","",kep!L4)</f>
        <v>7</v>
      </c>
      <c r="N5" t="str">
        <f>IF(kep!M4="","",kep!M4)</f>
        <v/>
      </c>
      <c r="O5" t="str">
        <f>IF(kep!N4="","",kep!N4)</f>
        <v/>
      </c>
      <c r="P5" t="str">
        <f>IF(kep!O4="","",kep!O4)</f>
        <v/>
      </c>
      <c r="Q5" t="str">
        <f>IF(kep!P4="","",kep!P4)</f>
        <v/>
      </c>
      <c r="R5" t="str">
        <f>IF(kep!Q4="","",kep!Q4)</f>
        <v/>
      </c>
      <c r="S5" t="str">
        <f>IF(kep!R4="","",kep!R4)</f>
        <v/>
      </c>
      <c r="T5" t="str">
        <f>IF(kep!S4="","",kep!S4)</f>
        <v/>
      </c>
      <c r="U5" t="str">
        <f>IF(kep!T4="","",kep!T4)</f>
        <v/>
      </c>
      <c r="V5" t="str">
        <f>IF(kep!U4="","",kep!U4)</f>
        <v/>
      </c>
      <c r="W5">
        <f>IF(kep!V4="","",kep!V4)</f>
        <v>9</v>
      </c>
      <c r="X5">
        <f>IF(kep!W4="","",kep!W4)</f>
        <v>9</v>
      </c>
      <c r="Y5">
        <f>IF(kep!X4="","",kep!X4)</f>
        <v>9</v>
      </c>
      <c r="Z5" t="str">
        <f>IF(kep!Y4="","",kep!Y4)</f>
        <v/>
      </c>
      <c r="AA5" t="str">
        <f>IF(kep!Z4="","",kep!Z4)</f>
        <v/>
      </c>
      <c r="AB5" t="str">
        <f>IF(kep!AA4="","",kep!AA4)</f>
        <v/>
      </c>
      <c r="AC5" t="str">
        <f>IF(kep!AB4="","",kep!AB4)</f>
        <v/>
      </c>
      <c r="AD5">
        <f>IF(kep!AC4="","",kep!AC4)</f>
        <v>11</v>
      </c>
      <c r="AE5">
        <f>IF(kep!AD4="","",kep!AD4)</f>
        <v>11</v>
      </c>
      <c r="AF5">
        <f>IF(kep!AE4="","",kep!AE4)</f>
        <v>11</v>
      </c>
      <c r="AG5" t="str">
        <f>IF(kep!AF4="","",kep!AF4)</f>
        <v/>
      </c>
      <c r="AH5" t="str">
        <f>IF(kep!AG4="","",kep!AG4)</f>
        <v/>
      </c>
      <c r="AI5" t="str">
        <f>IF(kep!AH4="","",kep!AH4)</f>
        <v/>
      </c>
      <c r="AJ5" t="str">
        <f>IF(kep!AI4="","",kep!AI4)</f>
        <v/>
      </c>
      <c r="AK5" t="str">
        <f>IF(kep!AJ4="","",kep!AJ4)</f>
        <v/>
      </c>
      <c r="AL5" t="str">
        <f>IF(kep!AK4="","",kep!AK4)</f>
        <v/>
      </c>
      <c r="AM5" t="str">
        <f>IF(kep!AL4="","",kep!AL4)</f>
        <v/>
      </c>
      <c r="AN5" t="str">
        <f>IF(kep!AM4="","",kep!AM4)</f>
        <v/>
      </c>
      <c r="AO5" t="str">
        <f>IF(kep!AN4="","",kep!AN4)</f>
        <v/>
      </c>
      <c r="AP5" t="str">
        <f>IF(kep!AO4="","",kep!AO4)</f>
        <v/>
      </c>
      <c r="AQ5" t="str">
        <f>IF(kep!AP4="","",kep!AP4)</f>
        <v/>
      </c>
      <c r="AR5" t="str">
        <f>IF(kep!AQ4="","",kep!AQ4)</f>
        <v/>
      </c>
      <c r="AS5" t="str">
        <f>IF(kep!AR4="","",kep!AR4)</f>
        <v/>
      </c>
      <c r="AT5" t="str">
        <f>IF(kep!AS4="","",kep!AS4)</f>
        <v/>
      </c>
      <c r="AU5" t="str">
        <f>IF(kep!AT4="","",kep!AT4)</f>
        <v/>
      </c>
      <c r="AV5" t="str">
        <f>IF(kep!AU4="","",kep!AU4)</f>
        <v/>
      </c>
      <c r="AW5" t="str">
        <f>IF(kep!AV4="","",kep!AV4)</f>
        <v/>
      </c>
      <c r="AX5" t="str">
        <f>IF(kep!AW4="","",kep!AW4)</f>
        <v/>
      </c>
      <c r="AY5" t="str">
        <f>IF(kep!AX4="","",kep!AX4)</f>
        <v/>
      </c>
    </row>
    <row r="6" spans="2:51" x14ac:dyDescent="0.25">
      <c r="B6" t="str">
        <f>IF(kep!A5="","",kep!A5)</f>
        <v/>
      </c>
      <c r="C6" t="str">
        <f>IF(kep!B5="","",kep!B5)</f>
        <v/>
      </c>
      <c r="D6" t="str">
        <f>IF(kep!C5="","",kep!C5)</f>
        <v/>
      </c>
      <c r="E6" t="str">
        <f>IF(kep!D5="","",kep!D5)</f>
        <v/>
      </c>
      <c r="F6" t="str">
        <f>IF(kep!E5="","",kep!E5)</f>
        <v/>
      </c>
      <c r="G6">
        <f>IF(kep!F5="","",kep!F5)</f>
        <v>7</v>
      </c>
      <c r="H6">
        <f>IF(kep!G5="","",kep!G5)</f>
        <v>7</v>
      </c>
      <c r="I6">
        <f>IF(kep!H5="","",kep!H5)</f>
        <v>7</v>
      </c>
      <c r="J6">
        <f>IF(kep!I5="","",kep!I5)</f>
        <v>7</v>
      </c>
      <c r="K6">
        <f>IF(kep!J5="","",kep!J5)</f>
        <v>7</v>
      </c>
      <c r="L6">
        <f>IF(kep!K5="","",kep!K5)</f>
        <v>7</v>
      </c>
      <c r="M6" t="str">
        <f>IF(kep!L5="","",kep!L5)</f>
        <v/>
      </c>
      <c r="N6" t="str">
        <f>IF(kep!M5="","",kep!M5)</f>
        <v/>
      </c>
      <c r="O6" t="str">
        <f>IF(kep!N5="","",kep!N5)</f>
        <v/>
      </c>
      <c r="P6" t="str">
        <f>IF(kep!O5="","",kep!O5)</f>
        <v/>
      </c>
      <c r="Q6" t="str">
        <f>IF(kep!P5="","",kep!P5)</f>
        <v/>
      </c>
      <c r="R6" t="str">
        <f>IF(kep!Q5="","",kep!Q5)</f>
        <v/>
      </c>
      <c r="S6" t="str">
        <f>IF(kep!R5="","",kep!R5)</f>
        <v/>
      </c>
      <c r="T6" t="str">
        <f>IF(kep!S5="","",kep!S5)</f>
        <v/>
      </c>
      <c r="U6" t="str">
        <f>IF(kep!T5="","",kep!T5)</f>
        <v/>
      </c>
      <c r="V6" t="str">
        <f>IF(kep!U5="","",kep!U5)</f>
        <v/>
      </c>
      <c r="W6" t="str">
        <f>IF(kep!V5="","",kep!V5)</f>
        <v/>
      </c>
      <c r="X6" t="str">
        <f>IF(kep!W5="","",kep!W5)</f>
        <v/>
      </c>
      <c r="Y6">
        <f>IF(kep!X5="","",kep!X5)</f>
        <v>9</v>
      </c>
      <c r="Z6" t="str">
        <f>IF(kep!Y5="","",kep!Y5)</f>
        <v/>
      </c>
      <c r="AA6" t="str">
        <f>IF(kep!Z5="","",kep!Z5)</f>
        <v/>
      </c>
      <c r="AB6" t="str">
        <f>IF(kep!AA5="","",kep!AA5)</f>
        <v/>
      </c>
      <c r="AC6" t="str">
        <f>IF(kep!AB5="","",kep!AB5)</f>
        <v/>
      </c>
      <c r="AD6">
        <f>IF(kep!AC5="","",kep!AC5)</f>
        <v>11</v>
      </c>
      <c r="AE6">
        <f>IF(kep!AD5="","",kep!AD5)</f>
        <v>11</v>
      </c>
      <c r="AF6">
        <f>IF(kep!AE5="","",kep!AE5)</f>
        <v>11</v>
      </c>
      <c r="AG6" t="str">
        <f>IF(kep!AF5="","",kep!AF5)</f>
        <v/>
      </c>
      <c r="AH6" t="str">
        <f>IF(kep!AG5="","",kep!AG5)</f>
        <v/>
      </c>
      <c r="AI6" t="str">
        <f>IF(kep!AH5="","",kep!AH5)</f>
        <v/>
      </c>
      <c r="AJ6" t="str">
        <f>IF(kep!AI5="","",kep!AI5)</f>
        <v/>
      </c>
      <c r="AK6" t="str">
        <f>IF(kep!AJ5="","",kep!AJ5)</f>
        <v/>
      </c>
      <c r="AL6" t="str">
        <f>IF(kep!AK5="","",kep!AK5)</f>
        <v/>
      </c>
      <c r="AM6" t="str">
        <f>IF(kep!AL5="","",kep!AL5)</f>
        <v/>
      </c>
      <c r="AN6" t="str">
        <f>IF(kep!AM5="","",kep!AM5)</f>
        <v/>
      </c>
      <c r="AO6" t="str">
        <f>IF(kep!AN5="","",kep!AN5)</f>
        <v/>
      </c>
      <c r="AP6" t="str">
        <f>IF(kep!AO5="","",kep!AO5)</f>
        <v/>
      </c>
      <c r="AQ6" t="str">
        <f>IF(kep!AP5="","",kep!AP5)</f>
        <v/>
      </c>
      <c r="AR6" t="str">
        <f>IF(kep!AQ5="","",kep!AQ5)</f>
        <v/>
      </c>
      <c r="AS6" t="str">
        <f>IF(kep!AR5="","",kep!AR5)</f>
        <v/>
      </c>
      <c r="AT6" t="str">
        <f>IF(kep!AS5="","",kep!AS5)</f>
        <v/>
      </c>
      <c r="AU6" t="str">
        <f>IF(kep!AT5="","",kep!AT5)</f>
        <v/>
      </c>
      <c r="AV6" t="str">
        <f>IF(kep!AU5="","",kep!AU5)</f>
        <v/>
      </c>
      <c r="AW6" t="str">
        <f>IF(kep!AV5="","",kep!AV5)</f>
        <v/>
      </c>
      <c r="AX6" t="str">
        <f>IF(kep!AW5="","",kep!AW5)</f>
        <v/>
      </c>
      <c r="AY6" t="str">
        <f>IF(kep!AX5="","",kep!AX5)</f>
        <v/>
      </c>
    </row>
    <row r="7" spans="2:51" x14ac:dyDescent="0.25">
      <c r="B7" t="str">
        <f>IF(kep!A6="","",kep!A6)</f>
        <v/>
      </c>
      <c r="C7" t="str">
        <f>IF(kep!B6="","",kep!B6)</f>
        <v/>
      </c>
      <c r="D7" t="str">
        <f>IF(kep!C6="","",kep!C6)</f>
        <v/>
      </c>
      <c r="E7" t="str">
        <f>IF(kep!D6="","",kep!D6)</f>
        <v/>
      </c>
      <c r="F7" t="str">
        <f>IF(kep!E6="","",kep!E6)</f>
        <v/>
      </c>
      <c r="G7">
        <f>IF(kep!F6="","",kep!F6)</f>
        <v>7</v>
      </c>
      <c r="H7">
        <f>IF(kep!G6="","",kep!G6)</f>
        <v>7</v>
      </c>
      <c r="I7">
        <f>IF(kep!H6="","",kep!H6)</f>
        <v>7</v>
      </c>
      <c r="J7">
        <f>IF(kep!I6="","",kep!I6)</f>
        <v>7</v>
      </c>
      <c r="K7">
        <f>IF(kep!J6="","",kep!J6)</f>
        <v>7</v>
      </c>
      <c r="L7">
        <f>IF(kep!K6="","",kep!K6)</f>
        <v>7</v>
      </c>
      <c r="M7" t="str">
        <f>IF(kep!L6="","",kep!L6)</f>
        <v/>
      </c>
      <c r="N7" t="str">
        <f>IF(kep!M6="","",kep!M6)</f>
        <v/>
      </c>
      <c r="O7" t="str">
        <f>IF(kep!N6="","",kep!N6)</f>
        <v/>
      </c>
      <c r="P7" t="str">
        <f>IF(kep!O6="","",kep!O6)</f>
        <v/>
      </c>
      <c r="Q7" t="str">
        <f>IF(kep!P6="","",kep!P6)</f>
        <v/>
      </c>
      <c r="R7" t="str">
        <f>IF(kep!Q6="","",kep!Q6)</f>
        <v/>
      </c>
      <c r="S7" t="str">
        <f>IF(kep!R6="","",kep!R6)</f>
        <v/>
      </c>
      <c r="T7" t="str">
        <f>IF(kep!S6="","",kep!S6)</f>
        <v/>
      </c>
      <c r="U7" t="str">
        <f>IF(kep!T6="","",kep!T6)</f>
        <v/>
      </c>
      <c r="V7" t="str">
        <f>IF(kep!U6="","",kep!U6)</f>
        <v/>
      </c>
      <c r="W7" t="str">
        <f>IF(kep!V6="","",kep!V6)</f>
        <v/>
      </c>
      <c r="X7">
        <f>IF(kep!W6="","",kep!W6)</f>
        <v>9</v>
      </c>
      <c r="Y7">
        <f>IF(kep!X6="","",kep!X6)</f>
        <v>9</v>
      </c>
      <c r="Z7" t="str">
        <f>IF(kep!Y6="","",kep!Y6)</f>
        <v/>
      </c>
      <c r="AA7" t="str">
        <f>IF(kep!Z6="","",kep!Z6)</f>
        <v/>
      </c>
      <c r="AB7" t="str">
        <f>IF(kep!AA6="","",kep!AA6)</f>
        <v/>
      </c>
      <c r="AC7" t="str">
        <f>IF(kep!AB6="","",kep!AB6)</f>
        <v/>
      </c>
      <c r="AD7">
        <f>IF(kep!AC6="","",kep!AC6)</f>
        <v>11</v>
      </c>
      <c r="AE7" t="str">
        <f>IF(kep!AD6="","",kep!AD6)</f>
        <v/>
      </c>
      <c r="AF7" t="str">
        <f>IF(kep!AE6="","",kep!AE6)</f>
        <v/>
      </c>
      <c r="AG7" t="str">
        <f>IF(kep!AF6="","",kep!AF6)</f>
        <v/>
      </c>
      <c r="AH7" t="str">
        <f>IF(kep!AG6="","",kep!AG6)</f>
        <v/>
      </c>
      <c r="AI7" t="str">
        <f>IF(kep!AH6="","",kep!AH6)</f>
        <v/>
      </c>
      <c r="AJ7" t="str">
        <f>IF(kep!AI6="","",kep!AI6)</f>
        <v/>
      </c>
      <c r="AK7" t="str">
        <f>IF(kep!AJ6="","",kep!AJ6)</f>
        <v/>
      </c>
      <c r="AL7" t="str">
        <f>IF(kep!AK6="","",kep!AK6)</f>
        <v/>
      </c>
      <c r="AM7" t="str">
        <f>IF(kep!AL6="","",kep!AL6)</f>
        <v/>
      </c>
      <c r="AN7" t="str">
        <f>IF(kep!AM6="","",kep!AM6)</f>
        <v/>
      </c>
      <c r="AO7" t="str">
        <f>IF(kep!AN6="","",kep!AN6)</f>
        <v/>
      </c>
      <c r="AP7" t="str">
        <f>IF(kep!AO6="","",kep!AO6)</f>
        <v/>
      </c>
      <c r="AQ7" t="str">
        <f>IF(kep!AP6="","",kep!AP6)</f>
        <v/>
      </c>
      <c r="AR7" t="str">
        <f>IF(kep!AQ6="","",kep!AQ6)</f>
        <v/>
      </c>
      <c r="AS7" t="str">
        <f>IF(kep!AR6="","",kep!AR6)</f>
        <v/>
      </c>
      <c r="AT7" t="str">
        <f>IF(kep!AS6="","",kep!AS6)</f>
        <v/>
      </c>
      <c r="AU7" t="str">
        <f>IF(kep!AT6="","",kep!AT6)</f>
        <v/>
      </c>
      <c r="AV7" t="str">
        <f>IF(kep!AU6="","",kep!AU6)</f>
        <v/>
      </c>
      <c r="AW7" t="str">
        <f>IF(kep!AV6="","",kep!AV6)</f>
        <v/>
      </c>
      <c r="AX7" t="str">
        <f>IF(kep!AW6="","",kep!AW6)</f>
        <v/>
      </c>
      <c r="AY7" t="str">
        <f>IF(kep!AX6="","",kep!AX6)</f>
        <v/>
      </c>
    </row>
    <row r="8" spans="2:51" x14ac:dyDescent="0.25">
      <c r="B8" t="str">
        <f>IF(kep!A7="","",kep!A7)</f>
        <v/>
      </c>
      <c r="C8" t="str">
        <f>IF(kep!B7="","",kep!B7)</f>
        <v/>
      </c>
      <c r="D8" t="str">
        <f>IF(kep!C7="","",kep!C7)</f>
        <v/>
      </c>
      <c r="E8" t="str">
        <f>IF(kep!D7="","",kep!D7)</f>
        <v/>
      </c>
      <c r="F8" t="str">
        <f>IF(kep!E7="","",kep!E7)</f>
        <v/>
      </c>
      <c r="G8">
        <f>IF(kep!F7="","",kep!F7)</f>
        <v>7</v>
      </c>
      <c r="H8">
        <f>IF(kep!G7="","",kep!G7)</f>
        <v>7</v>
      </c>
      <c r="I8">
        <f>IF(kep!H7="","",kep!H7)</f>
        <v>7</v>
      </c>
      <c r="J8">
        <f>IF(kep!I7="","",kep!I7)</f>
        <v>7</v>
      </c>
      <c r="K8">
        <f>IF(kep!J7="","",kep!J7)</f>
        <v>7</v>
      </c>
      <c r="L8">
        <f>IF(kep!K7="","",kep!K7)</f>
        <v>7</v>
      </c>
      <c r="M8" t="str">
        <f>IF(kep!L7="","",kep!L7)</f>
        <v/>
      </c>
      <c r="N8" t="str">
        <f>IF(kep!M7="","",kep!M7)</f>
        <v/>
      </c>
      <c r="O8" t="str">
        <f>IF(kep!N7="","",kep!N7)</f>
        <v/>
      </c>
      <c r="P8" t="str">
        <f>IF(kep!O7="","",kep!O7)</f>
        <v/>
      </c>
      <c r="Q8" t="str">
        <f>IF(kep!P7="","",kep!P7)</f>
        <v/>
      </c>
      <c r="R8" t="str">
        <f>IF(kep!Q7="","",kep!Q7)</f>
        <v/>
      </c>
      <c r="S8" t="str">
        <f>IF(kep!R7="","",kep!R7)</f>
        <v/>
      </c>
      <c r="T8" t="str">
        <f>IF(kep!S7="","",kep!S7)</f>
        <v/>
      </c>
      <c r="U8" t="str">
        <f>IF(kep!T7="","",kep!T7)</f>
        <v/>
      </c>
      <c r="V8" t="str">
        <f>IF(kep!U7="","",kep!U7)</f>
        <v/>
      </c>
      <c r="W8" t="str">
        <f>IF(kep!V7="","",kep!V7)</f>
        <v/>
      </c>
      <c r="X8">
        <f>IF(kep!W7="","",kep!W7)</f>
        <v>9</v>
      </c>
      <c r="Y8">
        <f>IF(kep!X7="","",kep!X7)</f>
        <v>9</v>
      </c>
      <c r="Z8" t="str">
        <f>IF(kep!Y7="","",kep!Y7)</f>
        <v/>
      </c>
      <c r="AA8" t="str">
        <f>IF(kep!Z7="","",kep!Z7)</f>
        <v/>
      </c>
      <c r="AB8" t="str">
        <f>IF(kep!AA7="","",kep!AA7)</f>
        <v/>
      </c>
      <c r="AC8" t="str">
        <f>IF(kep!AB7="","",kep!AB7)</f>
        <v/>
      </c>
      <c r="AD8">
        <f>IF(kep!AC7="","",kep!AC7)</f>
        <v>11</v>
      </c>
      <c r="AE8">
        <f>IF(kep!AD7="","",kep!AD7)</f>
        <v>11</v>
      </c>
      <c r="AF8">
        <f>IF(kep!AE7="","",kep!AE7)</f>
        <v>11</v>
      </c>
      <c r="AG8" t="str">
        <f>IF(kep!AF7="","",kep!AF7)</f>
        <v/>
      </c>
      <c r="AH8" t="str">
        <f>IF(kep!AG7="","",kep!AG7)</f>
        <v/>
      </c>
      <c r="AI8" t="str">
        <f>IF(kep!AH7="","",kep!AH7)</f>
        <v/>
      </c>
      <c r="AJ8" t="str">
        <f>IF(kep!AI7="","",kep!AI7)</f>
        <v/>
      </c>
      <c r="AK8" t="str">
        <f>IF(kep!AJ7="","",kep!AJ7)</f>
        <v/>
      </c>
      <c r="AL8" t="str">
        <f>IF(kep!AK7="","",kep!AK7)</f>
        <v/>
      </c>
      <c r="AM8" t="str">
        <f>IF(kep!AL7="","",kep!AL7)</f>
        <v/>
      </c>
      <c r="AN8">
        <f>IF(kep!AM7="","",kep!AM7)</f>
        <v>6</v>
      </c>
      <c r="AO8" t="str">
        <f>IF(kep!AN7="","",kep!AN7)</f>
        <v/>
      </c>
      <c r="AP8" t="str">
        <f>IF(kep!AO7="","",kep!AO7)</f>
        <v/>
      </c>
      <c r="AQ8" t="str">
        <f>IF(kep!AP7="","",kep!AP7)</f>
        <v/>
      </c>
      <c r="AR8" t="str">
        <f>IF(kep!AQ7="","",kep!AQ7)</f>
        <v/>
      </c>
      <c r="AS8" t="str">
        <f>IF(kep!AR7="","",kep!AR7)</f>
        <v/>
      </c>
      <c r="AT8" t="str">
        <f>IF(kep!AS7="","",kep!AS7)</f>
        <v/>
      </c>
      <c r="AU8" t="str">
        <f>IF(kep!AT7="","",kep!AT7)</f>
        <v/>
      </c>
      <c r="AV8" t="str">
        <f>IF(kep!AU7="","",kep!AU7)</f>
        <v/>
      </c>
      <c r="AW8" t="str">
        <f>IF(kep!AV7="","",kep!AV7)</f>
        <v/>
      </c>
      <c r="AX8" t="str">
        <f>IF(kep!AW7="","",kep!AW7)</f>
        <v/>
      </c>
      <c r="AY8" t="str">
        <f>IF(kep!AX7="","",kep!AX7)</f>
        <v/>
      </c>
    </row>
    <row r="9" spans="2:51" x14ac:dyDescent="0.25">
      <c r="B9" t="str">
        <f>IF(kep!A8="","",kep!A8)</f>
        <v/>
      </c>
      <c r="C9" t="str">
        <f>IF(kep!B8="","",kep!B8)</f>
        <v/>
      </c>
      <c r="D9" t="str">
        <f>IF(kep!C8="","",kep!C8)</f>
        <v/>
      </c>
      <c r="E9" t="str">
        <f>IF(kep!D8="","",kep!D8)</f>
        <v/>
      </c>
      <c r="F9" t="str">
        <f>IF(kep!E8="","",kep!E8)</f>
        <v/>
      </c>
      <c r="G9">
        <f>IF(kep!F8="","",kep!F8)</f>
        <v>7</v>
      </c>
      <c r="H9">
        <f>IF(kep!G8="","",kep!G8)</f>
        <v>7</v>
      </c>
      <c r="I9">
        <f>IF(kep!H8="","",kep!H8)</f>
        <v>7</v>
      </c>
      <c r="J9">
        <f>IF(kep!I8="","",kep!I8)</f>
        <v>7</v>
      </c>
      <c r="K9">
        <f>IF(kep!J8="","",kep!J8)</f>
        <v>7</v>
      </c>
      <c r="L9">
        <f>IF(kep!K8="","",kep!K8)</f>
        <v>7</v>
      </c>
      <c r="M9" t="str">
        <f>IF(kep!L8="","",kep!L8)</f>
        <v/>
      </c>
      <c r="N9" t="str">
        <f>IF(kep!M8="","",kep!M8)</f>
        <v/>
      </c>
      <c r="O9" t="str">
        <f>IF(kep!N8="","",kep!N8)</f>
        <v/>
      </c>
      <c r="P9" t="str">
        <f>IF(kep!O8="","",kep!O8)</f>
        <v/>
      </c>
      <c r="Q9" t="str">
        <f>IF(kep!P8="","",kep!P8)</f>
        <v/>
      </c>
      <c r="R9" t="str">
        <f>IF(kep!Q8="","",kep!Q8)</f>
        <v/>
      </c>
      <c r="S9" t="str">
        <f>IF(kep!R8="","",kep!R8)</f>
        <v/>
      </c>
      <c r="T9" t="str">
        <f>IF(kep!S8="","",kep!S8)</f>
        <v/>
      </c>
      <c r="U9" t="str">
        <f>IF(kep!T8="","",kep!T8)</f>
        <v/>
      </c>
      <c r="V9" t="str">
        <f>IF(kep!U8="","",kep!U8)</f>
        <v/>
      </c>
      <c r="W9" t="str">
        <f>IF(kep!V8="","",kep!V8)</f>
        <v/>
      </c>
      <c r="X9" t="str">
        <f>IF(kep!W8="","",kep!W8)</f>
        <v/>
      </c>
      <c r="Y9" t="str">
        <f>IF(kep!X8="","",kep!X8)</f>
        <v/>
      </c>
      <c r="Z9" t="str">
        <f>IF(kep!Y8="","",kep!Y8)</f>
        <v/>
      </c>
      <c r="AA9" t="str">
        <f>IF(kep!Z8="","",kep!Z8)</f>
        <v/>
      </c>
      <c r="AB9">
        <f>IF(kep!AA8="","",kep!AA8)</f>
        <v>11</v>
      </c>
      <c r="AC9">
        <f>IF(kep!AB8="","",kep!AB8)</f>
        <v>11</v>
      </c>
      <c r="AD9">
        <f>IF(kep!AC8="","",kep!AC8)</f>
        <v>11</v>
      </c>
      <c r="AE9">
        <f>IF(kep!AD8="","",kep!AD8)</f>
        <v>11</v>
      </c>
      <c r="AF9">
        <f>IF(kep!AE8="","",kep!AE8)</f>
        <v>11</v>
      </c>
      <c r="AG9" t="str">
        <f>IF(kep!AF8="","",kep!AF8)</f>
        <v/>
      </c>
      <c r="AH9" t="str">
        <f>IF(kep!AG8="","",kep!AG8)</f>
        <v/>
      </c>
      <c r="AI9" t="str">
        <f>IF(kep!AH8="","",kep!AH8)</f>
        <v/>
      </c>
      <c r="AJ9" t="str">
        <f>IF(kep!AI8="","",kep!AI8)</f>
        <v/>
      </c>
      <c r="AK9" t="str">
        <f>IF(kep!AJ8="","",kep!AJ8)</f>
        <v/>
      </c>
      <c r="AL9" t="str">
        <f>IF(kep!AK8="","",kep!AK8)</f>
        <v/>
      </c>
      <c r="AM9">
        <f>IF(kep!AL8="","",kep!AL8)</f>
        <v>6</v>
      </c>
      <c r="AN9">
        <f>IF(kep!AM8="","",kep!AM8)</f>
        <v>6</v>
      </c>
      <c r="AO9">
        <f>IF(kep!AN8="","",kep!AN8)</f>
        <v>6</v>
      </c>
      <c r="AP9" t="str">
        <f>IF(kep!AO8="","",kep!AO8)</f>
        <v/>
      </c>
      <c r="AQ9" t="str">
        <f>IF(kep!AP8="","",kep!AP8)</f>
        <v/>
      </c>
      <c r="AR9" t="str">
        <f>IF(kep!AQ8="","",kep!AQ8)</f>
        <v/>
      </c>
      <c r="AS9" t="str">
        <f>IF(kep!AR8="","",kep!AR8)</f>
        <v/>
      </c>
      <c r="AT9" t="str">
        <f>IF(kep!AS8="","",kep!AS8)</f>
        <v/>
      </c>
      <c r="AU9" t="str">
        <f>IF(kep!AT8="","",kep!AT8)</f>
        <v/>
      </c>
      <c r="AV9" t="str">
        <f>IF(kep!AU8="","",kep!AU8)</f>
        <v/>
      </c>
      <c r="AW9" t="str">
        <f>IF(kep!AV8="","",kep!AV8)</f>
        <v/>
      </c>
      <c r="AX9" t="str">
        <f>IF(kep!AW8="","",kep!AW8)</f>
        <v/>
      </c>
      <c r="AY9" t="str">
        <f>IF(kep!AX8="","",kep!AX8)</f>
        <v/>
      </c>
    </row>
    <row r="10" spans="2:51" x14ac:dyDescent="0.25">
      <c r="B10" t="str">
        <f>IF(kep!A9="","",kep!A9)</f>
        <v/>
      </c>
      <c r="C10" t="str">
        <f>IF(kep!B9="","",kep!B9)</f>
        <v/>
      </c>
      <c r="D10" t="str">
        <f>IF(kep!C9="","",kep!C9)</f>
        <v/>
      </c>
      <c r="E10" t="str">
        <f>IF(kep!D9="","",kep!D9)</f>
        <v/>
      </c>
      <c r="F10" t="str">
        <f>IF(kep!E9="","",kep!E9)</f>
        <v/>
      </c>
      <c r="G10" t="str">
        <f>IF(kep!F9="","",kep!F9)</f>
        <v/>
      </c>
      <c r="H10" t="str">
        <f>IF(kep!G9="","",kep!G9)</f>
        <v/>
      </c>
      <c r="I10">
        <f>IF(kep!H9="","",kep!H9)</f>
        <v>7</v>
      </c>
      <c r="J10">
        <f>IF(kep!I9="","",kep!I9)</f>
        <v>7</v>
      </c>
      <c r="K10">
        <f>IF(kep!J9="","",kep!J9)</f>
        <v>7</v>
      </c>
      <c r="L10" t="str">
        <f>IF(kep!K9="","",kep!K9)</f>
        <v/>
      </c>
      <c r="M10" t="str">
        <f>IF(kep!L9="","",kep!L9)</f>
        <v/>
      </c>
      <c r="N10" t="str">
        <f>IF(kep!M9="","",kep!M9)</f>
        <v/>
      </c>
      <c r="O10" t="str">
        <f>IF(kep!N9="","",kep!N9)</f>
        <v/>
      </c>
      <c r="P10" t="str">
        <f>IF(kep!O9="","",kep!O9)</f>
        <v/>
      </c>
      <c r="Q10" t="str">
        <f>IF(kep!P9="","",kep!P9)</f>
        <v/>
      </c>
      <c r="R10" t="str">
        <f>IF(kep!Q9="","",kep!Q9)</f>
        <v/>
      </c>
      <c r="S10" t="str">
        <f>IF(kep!R9="","",kep!R9)</f>
        <v/>
      </c>
      <c r="T10" t="str">
        <f>IF(kep!S9="","",kep!S9)</f>
        <v/>
      </c>
      <c r="U10" t="str">
        <f>IF(kep!T9="","",kep!T9)</f>
        <v/>
      </c>
      <c r="V10" t="str">
        <f>IF(kep!U9="","",kep!U9)</f>
        <v/>
      </c>
      <c r="W10" t="str">
        <f>IF(kep!V9="","",kep!V9)</f>
        <v/>
      </c>
      <c r="X10" t="str">
        <f>IF(kep!W9="","",kep!W9)</f>
        <v/>
      </c>
      <c r="Y10" t="str">
        <f>IF(kep!X9="","",kep!X9)</f>
        <v/>
      </c>
      <c r="Z10" t="str">
        <f>IF(kep!Y9="","",kep!Y9)</f>
        <v/>
      </c>
      <c r="AA10" t="str">
        <f>IF(kep!Z9="","",kep!Z9)</f>
        <v/>
      </c>
      <c r="AB10" t="str">
        <f>IF(kep!AA9="","",kep!AA9)</f>
        <v/>
      </c>
      <c r="AC10" t="str">
        <f>IF(kep!AB9="","",kep!AB9)</f>
        <v/>
      </c>
      <c r="AD10">
        <f>IF(kep!AC9="","",kep!AC9)</f>
        <v>11</v>
      </c>
      <c r="AE10">
        <f>IF(kep!AD9="","",kep!AD9)</f>
        <v>11</v>
      </c>
      <c r="AF10">
        <f>IF(kep!AE9="","",kep!AE9)</f>
        <v>11</v>
      </c>
      <c r="AG10" t="str">
        <f>IF(kep!AF9="","",kep!AF9)</f>
        <v/>
      </c>
      <c r="AH10" t="str">
        <f>IF(kep!AG9="","",kep!AG9)</f>
        <v/>
      </c>
      <c r="AI10" t="str">
        <f>IF(kep!AH9="","",kep!AH9)</f>
        <v/>
      </c>
      <c r="AJ10" t="str">
        <f>IF(kep!AI9="","",kep!AI9)</f>
        <v/>
      </c>
      <c r="AK10" t="str">
        <f>IF(kep!AJ9="","",kep!AJ9)</f>
        <v/>
      </c>
      <c r="AL10" t="str">
        <f>IF(kep!AK9="","",kep!AK9)</f>
        <v/>
      </c>
      <c r="AM10">
        <f>IF(kep!AL9="","",kep!AL9)</f>
        <v>6</v>
      </c>
      <c r="AN10">
        <f>IF(kep!AM9="","",kep!AM9)</f>
        <v>6</v>
      </c>
      <c r="AO10" t="str">
        <f>IF(kep!AN9="","",kep!AN9)</f>
        <v/>
      </c>
      <c r="AP10" t="str">
        <f>IF(kep!AO9="","",kep!AO9)</f>
        <v/>
      </c>
      <c r="AQ10" t="str">
        <f>IF(kep!AP9="","",kep!AP9)</f>
        <v/>
      </c>
      <c r="AR10" t="str">
        <f>IF(kep!AQ9="","",kep!AQ9)</f>
        <v/>
      </c>
      <c r="AS10" t="str">
        <f>IF(kep!AR9="","",kep!AR9)</f>
        <v/>
      </c>
      <c r="AT10" t="str">
        <f>IF(kep!AS9="","",kep!AS9)</f>
        <v/>
      </c>
      <c r="AU10" t="str">
        <f>IF(kep!AT9="","",kep!AT9)</f>
        <v/>
      </c>
      <c r="AV10" t="str">
        <f>IF(kep!AU9="","",kep!AU9)</f>
        <v/>
      </c>
      <c r="AW10" t="str">
        <f>IF(kep!AV9="","",kep!AV9)</f>
        <v/>
      </c>
      <c r="AX10" t="str">
        <f>IF(kep!AW9="","",kep!AW9)</f>
        <v/>
      </c>
      <c r="AY10" t="str">
        <f>IF(kep!AX9="","",kep!AX9)</f>
        <v/>
      </c>
    </row>
    <row r="11" spans="2:51" x14ac:dyDescent="0.25">
      <c r="B11" t="str">
        <f>IF(kep!A10="","",kep!A10)</f>
        <v/>
      </c>
      <c r="C11" t="str">
        <f>IF(kep!B10="","",kep!B10)</f>
        <v/>
      </c>
      <c r="D11" t="str">
        <f>IF(kep!C10="","",kep!C10)</f>
        <v/>
      </c>
      <c r="E11" t="str">
        <f>IF(kep!D10="","",kep!D10)</f>
        <v/>
      </c>
      <c r="F11" t="str">
        <f>IF(kep!E10="","",kep!E10)</f>
        <v/>
      </c>
      <c r="G11" t="str">
        <f>IF(kep!F10="","",kep!F10)</f>
        <v/>
      </c>
      <c r="H11" t="str">
        <f>IF(kep!G10="","",kep!G10)</f>
        <v/>
      </c>
      <c r="I11" t="str">
        <f>IF(kep!H10="","",kep!H10)</f>
        <v/>
      </c>
      <c r="J11" t="str">
        <f>IF(kep!I10="","",kep!I10)</f>
        <v/>
      </c>
      <c r="K11" t="str">
        <f>IF(kep!J10="","",kep!J10)</f>
        <v/>
      </c>
      <c r="L11" t="str">
        <f>IF(kep!K10="","",kep!K10)</f>
        <v/>
      </c>
      <c r="M11" t="str">
        <f>IF(kep!L10="","",kep!L10)</f>
        <v/>
      </c>
      <c r="N11" t="str">
        <f>IF(kep!M10="","",kep!M10)</f>
        <v/>
      </c>
      <c r="O11" t="str">
        <f>IF(kep!N10="","",kep!N10)</f>
        <v/>
      </c>
      <c r="P11" t="str">
        <f>IF(kep!O10="","",kep!O10)</f>
        <v/>
      </c>
      <c r="Q11" t="str">
        <f>IF(kep!P10="","",kep!P10)</f>
        <v/>
      </c>
      <c r="R11" t="str">
        <f>IF(kep!Q10="","",kep!Q10)</f>
        <v/>
      </c>
      <c r="S11" t="str">
        <f>IF(kep!R10="","",kep!R10)</f>
        <v/>
      </c>
      <c r="T11" t="str">
        <f>IF(kep!S10="","",kep!S10)</f>
        <v/>
      </c>
      <c r="U11" t="str">
        <f>IF(kep!T10="","",kep!T10)</f>
        <v/>
      </c>
      <c r="V11" t="str">
        <f>IF(kep!U10="","",kep!U10)</f>
        <v/>
      </c>
      <c r="W11" t="str">
        <f>IF(kep!V10="","",kep!V10)</f>
        <v/>
      </c>
      <c r="X11" t="str">
        <f>IF(kep!W10="","",kep!W10)</f>
        <v/>
      </c>
      <c r="Y11" t="str">
        <f>IF(kep!X10="","",kep!X10)</f>
        <v/>
      </c>
      <c r="Z11" t="str">
        <f>IF(kep!Y10="","",kep!Y10)</f>
        <v/>
      </c>
      <c r="AA11" t="str">
        <f>IF(kep!Z10="","",kep!Z10)</f>
        <v/>
      </c>
      <c r="AB11" t="str">
        <f>IF(kep!AA10="","",kep!AA10)</f>
        <v/>
      </c>
      <c r="AC11" t="str">
        <f>IF(kep!AB10="","",kep!AB10)</f>
        <v/>
      </c>
      <c r="AD11">
        <f>IF(kep!AC10="","",kep!AC10)</f>
        <v>11</v>
      </c>
      <c r="AE11">
        <f>IF(kep!AD10="","",kep!AD10)</f>
        <v>11</v>
      </c>
      <c r="AF11">
        <f>IF(kep!AE10="","",kep!AE10)</f>
        <v>11</v>
      </c>
      <c r="AG11" t="str">
        <f>IF(kep!AF10="","",kep!AF10)</f>
        <v/>
      </c>
      <c r="AH11" t="str">
        <f>IF(kep!AG10="","",kep!AG10)</f>
        <v/>
      </c>
      <c r="AI11" t="str">
        <f>IF(kep!AH10="","",kep!AH10)</f>
        <v/>
      </c>
      <c r="AJ11" t="str">
        <f>IF(kep!AI10="","",kep!AI10)</f>
        <v/>
      </c>
      <c r="AK11" t="str">
        <f>IF(kep!AJ10="","",kep!AJ10)</f>
        <v/>
      </c>
      <c r="AL11" t="str">
        <f>IF(kep!AK10="","",kep!AK10)</f>
        <v/>
      </c>
      <c r="AM11">
        <f>IF(kep!AL10="","",kep!AL10)</f>
        <v>6</v>
      </c>
      <c r="AN11">
        <f>IF(kep!AM10="","",kep!AM10)</f>
        <v>6</v>
      </c>
      <c r="AO11" t="str">
        <f>IF(kep!AN10="","",kep!AN10)</f>
        <v/>
      </c>
      <c r="AP11" t="str">
        <f>IF(kep!AO10="","",kep!AO10)</f>
        <v/>
      </c>
      <c r="AQ11" t="str">
        <f>IF(kep!AP10="","",kep!AP10)</f>
        <v/>
      </c>
      <c r="AR11" t="str">
        <f>IF(kep!AQ10="","",kep!AQ10)</f>
        <v/>
      </c>
      <c r="AS11" t="str">
        <f>IF(kep!AR10="","",kep!AR10)</f>
        <v/>
      </c>
      <c r="AT11" t="str">
        <f>IF(kep!AS10="","",kep!AS10)</f>
        <v/>
      </c>
      <c r="AU11" t="str">
        <f>IF(kep!AT10="","",kep!AT10)</f>
        <v/>
      </c>
      <c r="AV11" t="str">
        <f>IF(kep!AU10="","",kep!AU10)</f>
        <v/>
      </c>
      <c r="AW11" t="str">
        <f>IF(kep!AV10="","",kep!AV10)</f>
        <v/>
      </c>
      <c r="AX11" t="str">
        <f>IF(kep!AW10="","",kep!AW10)</f>
        <v/>
      </c>
      <c r="AY11" t="str">
        <f>IF(kep!AX10="","",kep!AX10)</f>
        <v/>
      </c>
    </row>
    <row r="12" spans="2:51" x14ac:dyDescent="0.25">
      <c r="B12" t="str">
        <f>IF(kep!A11="","",kep!A11)</f>
        <v/>
      </c>
      <c r="C12" t="str">
        <f>IF(kep!B11="","",kep!B11)</f>
        <v/>
      </c>
      <c r="D12" t="str">
        <f>IF(kep!C11="","",kep!C11)</f>
        <v/>
      </c>
      <c r="E12" t="str">
        <f>IF(kep!D11="","",kep!D11)</f>
        <v/>
      </c>
      <c r="F12" t="str">
        <f>IF(kep!E11="","",kep!E11)</f>
        <v/>
      </c>
      <c r="G12" t="str">
        <f>IF(kep!F11="","",kep!F11)</f>
        <v/>
      </c>
      <c r="H12" t="str">
        <f>IF(kep!G11="","",kep!G11)</f>
        <v/>
      </c>
      <c r="I12" t="str">
        <f>IF(kep!H11="","",kep!H11)</f>
        <v/>
      </c>
      <c r="J12" t="str">
        <f>IF(kep!I11="","",kep!I11)</f>
        <v/>
      </c>
      <c r="K12" t="str">
        <f>IF(kep!J11="","",kep!J11)</f>
        <v/>
      </c>
      <c r="L12" t="str">
        <f>IF(kep!K11="","",kep!K11)</f>
        <v/>
      </c>
      <c r="M12" t="str">
        <f>IF(kep!L11="","",kep!L11)</f>
        <v/>
      </c>
      <c r="N12" t="str">
        <f>IF(kep!M11="","",kep!M11)</f>
        <v/>
      </c>
      <c r="O12" t="str">
        <f>IF(kep!N11="","",kep!N11)</f>
        <v/>
      </c>
      <c r="P12" t="str">
        <f>IF(kep!O11="","",kep!O11)</f>
        <v/>
      </c>
      <c r="Q12" t="str">
        <f>IF(kep!P11="","",kep!P11)</f>
        <v/>
      </c>
      <c r="R12" t="str">
        <f>IF(kep!Q11="","",kep!Q11)</f>
        <v/>
      </c>
      <c r="S12" t="str">
        <f>IF(kep!R11="","",kep!R11)</f>
        <v/>
      </c>
      <c r="T12" t="str">
        <f>IF(kep!S11="","",kep!S11)</f>
        <v/>
      </c>
      <c r="U12" t="str">
        <f>IF(kep!T11="","",kep!T11)</f>
        <v/>
      </c>
      <c r="V12" t="str">
        <f>IF(kep!U11="","",kep!U11)</f>
        <v/>
      </c>
      <c r="W12" t="str">
        <f>IF(kep!V11="","",kep!V11)</f>
        <v/>
      </c>
      <c r="X12" t="str">
        <f>IF(kep!W11="","",kep!W11)</f>
        <v/>
      </c>
      <c r="Y12" t="str">
        <f>IF(kep!X11="","",kep!X11)</f>
        <v/>
      </c>
      <c r="Z12" t="str">
        <f>IF(kep!Y11="","",kep!Y11)</f>
        <v/>
      </c>
      <c r="AA12" t="str">
        <f>IF(kep!Z11="","",kep!Z11)</f>
        <v/>
      </c>
      <c r="AB12" t="str">
        <f>IF(kep!AA11="","",kep!AA11)</f>
        <v/>
      </c>
      <c r="AC12" t="str">
        <f>IF(kep!AB11="","",kep!AB11)</f>
        <v/>
      </c>
      <c r="AD12">
        <f>IF(kep!AC11="","",kep!AC11)</f>
        <v>11</v>
      </c>
      <c r="AE12">
        <f>IF(kep!AD11="","",kep!AD11)</f>
        <v>11</v>
      </c>
      <c r="AF12">
        <f>IF(kep!AE11="","",kep!AE11)</f>
        <v>11</v>
      </c>
      <c r="AG12" t="str">
        <f>IF(kep!AF11="","",kep!AF11)</f>
        <v/>
      </c>
      <c r="AH12" t="str">
        <f>IF(kep!AG11="","",kep!AG11)</f>
        <v/>
      </c>
      <c r="AI12" t="str">
        <f>IF(kep!AH11="","",kep!AH11)</f>
        <v/>
      </c>
      <c r="AJ12" t="str">
        <f>IF(kep!AI11="","",kep!AI11)</f>
        <v/>
      </c>
      <c r="AK12" t="str">
        <f>IF(kep!AJ11="","",kep!AJ11)</f>
        <v/>
      </c>
      <c r="AL12" t="str">
        <f>IF(kep!AK11="","",kep!AK11)</f>
        <v/>
      </c>
      <c r="AM12">
        <f>IF(kep!AL11="","",kep!AL11)</f>
        <v>6</v>
      </c>
      <c r="AN12">
        <f>IF(kep!AM11="","",kep!AM11)</f>
        <v>6</v>
      </c>
      <c r="AO12">
        <f>IF(kep!AN11="","",kep!AN11)</f>
        <v>6</v>
      </c>
      <c r="AP12" t="str">
        <f>IF(kep!AO11="","",kep!AO11)</f>
        <v/>
      </c>
      <c r="AQ12" t="str">
        <f>IF(kep!AP11="","",kep!AP11)</f>
        <v/>
      </c>
      <c r="AR12" t="str">
        <f>IF(kep!AQ11="","",kep!AQ11)</f>
        <v/>
      </c>
      <c r="AS12" t="str">
        <f>IF(kep!AR11="","",kep!AR11)</f>
        <v/>
      </c>
      <c r="AT12" t="str">
        <f>IF(kep!AS11="","",kep!AS11)</f>
        <v/>
      </c>
      <c r="AU12" t="str">
        <f>IF(kep!AT11="","",kep!AT11)</f>
        <v/>
      </c>
      <c r="AV12" t="str">
        <f>IF(kep!AU11="","",kep!AU11)</f>
        <v/>
      </c>
      <c r="AW12" t="str">
        <f>IF(kep!AV11="","",kep!AV11)</f>
        <v/>
      </c>
      <c r="AX12" t="str">
        <f>IF(kep!AW11="","",kep!AW11)</f>
        <v/>
      </c>
      <c r="AY12" t="str">
        <f>IF(kep!AX11="","",kep!AX11)</f>
        <v/>
      </c>
    </row>
    <row r="13" spans="2:51" x14ac:dyDescent="0.25">
      <c r="B13" t="str">
        <f>IF(kep!A12="","",kep!A12)</f>
        <v/>
      </c>
      <c r="C13" t="str">
        <f>IF(kep!B12="","",kep!B12)</f>
        <v/>
      </c>
      <c r="D13" t="str">
        <f>IF(kep!C12="","",kep!C12)</f>
        <v/>
      </c>
      <c r="E13" t="str">
        <f>IF(kep!D12="","",kep!D12)</f>
        <v/>
      </c>
      <c r="F13" t="str">
        <f>IF(kep!E12="","",kep!E12)</f>
        <v/>
      </c>
      <c r="G13" t="str">
        <f>IF(kep!F12="","",kep!F12)</f>
        <v/>
      </c>
      <c r="H13" t="str">
        <f>IF(kep!G12="","",kep!G12)</f>
        <v/>
      </c>
      <c r="I13" t="str">
        <f>IF(kep!H12="","",kep!H12)</f>
        <v/>
      </c>
      <c r="J13">
        <f>IF(kep!I12="","",kep!I12)</f>
        <v>2</v>
      </c>
      <c r="K13">
        <f>IF(kep!J12="","",kep!J12)</f>
        <v>2</v>
      </c>
      <c r="L13">
        <f>IF(kep!K12="","",kep!K12)</f>
        <v>2</v>
      </c>
      <c r="M13">
        <f>IF(kep!L12="","",kep!L12)</f>
        <v>2</v>
      </c>
      <c r="N13">
        <f>IF(kep!M12="","",kep!M12)</f>
        <v>2</v>
      </c>
      <c r="O13" t="str">
        <f>IF(kep!N12="","",kep!N12)</f>
        <v/>
      </c>
      <c r="P13" t="str">
        <f>IF(kep!O12="","",kep!O12)</f>
        <v/>
      </c>
      <c r="Q13" t="str">
        <f>IF(kep!P12="","",kep!P12)</f>
        <v/>
      </c>
      <c r="R13" t="str">
        <f>IF(kep!Q12="","",kep!Q12)</f>
        <v/>
      </c>
      <c r="S13" t="str">
        <f>IF(kep!R12="","",kep!R12)</f>
        <v/>
      </c>
      <c r="T13" t="str">
        <f>IF(kep!S12="","",kep!S12)</f>
        <v/>
      </c>
      <c r="U13" t="str">
        <f>IF(kep!T12="","",kep!T12)</f>
        <v/>
      </c>
      <c r="V13" t="str">
        <f>IF(kep!U12="","",kep!U12)</f>
        <v/>
      </c>
      <c r="W13" t="str">
        <f>IF(kep!V12="","",kep!V12)</f>
        <v/>
      </c>
      <c r="X13" t="str">
        <f>IF(kep!W12="","",kep!W12)</f>
        <v/>
      </c>
      <c r="Y13" t="str">
        <f>IF(kep!X12="","",kep!X12)</f>
        <v/>
      </c>
      <c r="Z13" t="str">
        <f>IF(kep!Y12="","",kep!Y12)</f>
        <v/>
      </c>
      <c r="AA13" t="str">
        <f>IF(kep!Z12="","",kep!Z12)</f>
        <v/>
      </c>
      <c r="AB13" t="str">
        <f>IF(kep!AA12="","",kep!AA12)</f>
        <v/>
      </c>
      <c r="AC13" t="str">
        <f>IF(kep!AB12="","",kep!AB12)</f>
        <v/>
      </c>
      <c r="AD13">
        <f>IF(kep!AC12="","",kep!AC12)</f>
        <v>11</v>
      </c>
      <c r="AE13">
        <f>IF(kep!AD12="","",kep!AD12)</f>
        <v>11</v>
      </c>
      <c r="AF13">
        <f>IF(kep!AE12="","",kep!AE12)</f>
        <v>11</v>
      </c>
      <c r="AG13" t="str">
        <f>IF(kep!AF12="","",kep!AF12)</f>
        <v/>
      </c>
      <c r="AH13" t="str">
        <f>IF(kep!AG12="","",kep!AG12)</f>
        <v/>
      </c>
      <c r="AI13" t="str">
        <f>IF(kep!AH12="","",kep!AH12)</f>
        <v/>
      </c>
      <c r="AJ13" t="str">
        <f>IF(kep!AI12="","",kep!AI12)</f>
        <v/>
      </c>
      <c r="AK13" t="str">
        <f>IF(kep!AJ12="","",kep!AJ12)</f>
        <v/>
      </c>
      <c r="AL13" t="str">
        <f>IF(kep!AK12="","",kep!AK12)</f>
        <v/>
      </c>
      <c r="AM13">
        <f>IF(kep!AL12="","",kep!AL12)</f>
        <v>6</v>
      </c>
      <c r="AN13" t="str">
        <f>IF(kep!AM12="","",kep!AM12)</f>
        <v/>
      </c>
      <c r="AO13">
        <f>IF(kep!AN12="","",kep!AN12)</f>
        <v>6</v>
      </c>
      <c r="AP13" t="str">
        <f>IF(kep!AO12="","",kep!AO12)</f>
        <v/>
      </c>
      <c r="AQ13" t="str">
        <f>IF(kep!AP12="","",kep!AP12)</f>
        <v/>
      </c>
      <c r="AR13" t="str">
        <f>IF(kep!AQ12="","",kep!AQ12)</f>
        <v/>
      </c>
      <c r="AS13" t="str">
        <f>IF(kep!AR12="","",kep!AR12)</f>
        <v/>
      </c>
      <c r="AT13" t="str">
        <f>IF(kep!AS12="","",kep!AS12)</f>
        <v/>
      </c>
      <c r="AU13" t="str">
        <f>IF(kep!AT12="","",kep!AT12)</f>
        <v/>
      </c>
      <c r="AV13" t="str">
        <f>IF(kep!AU12="","",kep!AU12)</f>
        <v/>
      </c>
      <c r="AW13" t="str">
        <f>IF(kep!AV12="","",kep!AV12)</f>
        <v/>
      </c>
      <c r="AX13" t="str">
        <f>IF(kep!AW12="","",kep!AW12)</f>
        <v/>
      </c>
      <c r="AY13" t="str">
        <f>IF(kep!AX12="","",kep!AX12)</f>
        <v/>
      </c>
    </row>
    <row r="14" spans="2:51" x14ac:dyDescent="0.25">
      <c r="B14" t="str">
        <f>IF(kep!A13="","",kep!A13)</f>
        <v/>
      </c>
      <c r="C14" t="str">
        <f>IF(kep!B13="","",kep!B13)</f>
        <v/>
      </c>
      <c r="D14" t="str">
        <f>IF(kep!C13="","",kep!C13)</f>
        <v/>
      </c>
      <c r="E14" t="str">
        <f>IF(kep!D13="","",kep!D13)</f>
        <v/>
      </c>
      <c r="F14" t="str">
        <f>IF(kep!E13="","",kep!E13)</f>
        <v/>
      </c>
      <c r="G14" t="str">
        <f>IF(kep!F13="","",kep!F13)</f>
        <v/>
      </c>
      <c r="H14" t="str">
        <f>IF(kep!G13="","",kep!G13)</f>
        <v/>
      </c>
      <c r="I14">
        <f>IF(kep!H13="","",kep!H13)</f>
        <v>2</v>
      </c>
      <c r="J14">
        <f>IF(kep!I13="","",kep!I13)</f>
        <v>2</v>
      </c>
      <c r="K14">
        <f>IF(kep!J13="","",kep!J13)</f>
        <v>2</v>
      </c>
      <c r="L14">
        <f>IF(kep!K13="","",kep!K13)</f>
        <v>12</v>
      </c>
      <c r="M14">
        <f>IF(kep!L13="","",kep!L13)</f>
        <v>12</v>
      </c>
      <c r="N14">
        <f>IF(kep!M13="","",kep!M13)</f>
        <v>12</v>
      </c>
      <c r="O14">
        <f>IF(kep!N13="","",kep!N13)</f>
        <v>12</v>
      </c>
      <c r="P14" t="str">
        <f>IF(kep!O13="","",kep!O13)</f>
        <v/>
      </c>
      <c r="Q14" t="str">
        <f>IF(kep!P13="","",kep!P13)</f>
        <v/>
      </c>
      <c r="R14" t="str">
        <f>IF(kep!Q13="","",kep!Q13)</f>
        <v/>
      </c>
      <c r="S14">
        <f>IF(kep!R13="","",kep!R13)</f>
        <v>16</v>
      </c>
      <c r="T14">
        <f>IF(kep!S13="","",kep!S13)</f>
        <v>16</v>
      </c>
      <c r="U14">
        <f>IF(kep!T13="","",kep!T13)</f>
        <v>16</v>
      </c>
      <c r="V14" t="str">
        <f>IF(kep!U13="","",kep!U13)</f>
        <v/>
      </c>
      <c r="W14" t="str">
        <f>IF(kep!V13="","",kep!V13)</f>
        <v/>
      </c>
      <c r="X14" t="str">
        <f>IF(kep!W13="","",kep!W13)</f>
        <v/>
      </c>
      <c r="Y14" t="str">
        <f>IF(kep!X13="","",kep!X13)</f>
        <v/>
      </c>
      <c r="Z14" t="str">
        <f>IF(kep!Y13="","",kep!Y13)</f>
        <v/>
      </c>
      <c r="AA14" t="str">
        <f>IF(kep!Z13="","",kep!Z13)</f>
        <v/>
      </c>
      <c r="AB14" t="str">
        <f>IF(kep!AA13="","",kep!AA13)</f>
        <v/>
      </c>
      <c r="AC14" t="str">
        <f>IF(kep!AB13="","",kep!AB13)</f>
        <v/>
      </c>
      <c r="AD14">
        <f>IF(kep!AC13="","",kep!AC13)</f>
        <v>11</v>
      </c>
      <c r="AE14">
        <f>IF(kep!AD13="","",kep!AD13)</f>
        <v>11</v>
      </c>
      <c r="AF14">
        <f>IF(kep!AE13="","",kep!AE13)</f>
        <v>11</v>
      </c>
      <c r="AG14" t="str">
        <f>IF(kep!AF13="","",kep!AF13)</f>
        <v/>
      </c>
      <c r="AH14" t="str">
        <f>IF(kep!AG13="","",kep!AG13)</f>
        <v/>
      </c>
      <c r="AI14" t="str">
        <f>IF(kep!AH13="","",kep!AH13)</f>
        <v/>
      </c>
      <c r="AJ14" t="str">
        <f>IF(kep!AI13="","",kep!AI13)</f>
        <v/>
      </c>
      <c r="AK14" t="str">
        <f>IF(kep!AJ13="","",kep!AJ13)</f>
        <v/>
      </c>
      <c r="AL14" t="str">
        <f>IF(kep!AK13="","",kep!AK13)</f>
        <v/>
      </c>
      <c r="AM14" t="str">
        <f>IF(kep!AL13="","",kep!AL13)</f>
        <v/>
      </c>
      <c r="AN14">
        <f>IF(kep!AM13="","",kep!AM13)</f>
        <v>6</v>
      </c>
      <c r="AO14">
        <f>IF(kep!AN13="","",kep!AN13)</f>
        <v>6</v>
      </c>
      <c r="AP14" t="str">
        <f>IF(kep!AO13="","",kep!AO13)</f>
        <v/>
      </c>
      <c r="AQ14" t="str">
        <f>IF(kep!AP13="","",kep!AP13)</f>
        <v/>
      </c>
      <c r="AR14" t="str">
        <f>IF(kep!AQ13="","",kep!AQ13)</f>
        <v/>
      </c>
      <c r="AS14" t="str">
        <f>IF(kep!AR13="","",kep!AR13)</f>
        <v/>
      </c>
      <c r="AT14" t="str">
        <f>IF(kep!AS13="","",kep!AS13)</f>
        <v/>
      </c>
      <c r="AU14" t="str">
        <f>IF(kep!AT13="","",kep!AT13)</f>
        <v/>
      </c>
      <c r="AV14" t="str">
        <f>IF(kep!AU13="","",kep!AU13)</f>
        <v/>
      </c>
      <c r="AW14" t="str">
        <f>IF(kep!AV13="","",kep!AV13)</f>
        <v/>
      </c>
      <c r="AX14" t="str">
        <f>IF(kep!AW13="","",kep!AW13)</f>
        <v/>
      </c>
      <c r="AY14" t="str">
        <f>IF(kep!AX13="","",kep!AX13)</f>
        <v/>
      </c>
    </row>
    <row r="15" spans="2:51" x14ac:dyDescent="0.25">
      <c r="B15" t="str">
        <f>IF(kep!A14="","",kep!A14)</f>
        <v/>
      </c>
      <c r="C15" t="str">
        <f>IF(kep!B14="","",kep!B14)</f>
        <v/>
      </c>
      <c r="D15" t="str">
        <f>IF(kep!C14="","",kep!C14)</f>
        <v/>
      </c>
      <c r="E15" t="str">
        <f>IF(kep!D14="","",kep!D14)</f>
        <v/>
      </c>
      <c r="F15" t="str">
        <f>IF(kep!E14="","",kep!E14)</f>
        <v/>
      </c>
      <c r="G15" t="str">
        <f>IF(kep!F14="","",kep!F14)</f>
        <v/>
      </c>
      <c r="H15" t="str">
        <f>IF(kep!G14="","",kep!G14)</f>
        <v/>
      </c>
      <c r="I15">
        <f>IF(kep!H14="","",kep!H14)</f>
        <v>2</v>
      </c>
      <c r="J15">
        <f>IF(kep!I14="","",kep!I14)</f>
        <v>12</v>
      </c>
      <c r="K15">
        <f>IF(kep!J14="","",kep!J14)</f>
        <v>12</v>
      </c>
      <c r="L15">
        <f>IF(kep!K14="","",kep!K14)</f>
        <v>12</v>
      </c>
      <c r="M15">
        <f>IF(kep!L14="","",kep!L14)</f>
        <v>12</v>
      </c>
      <c r="N15">
        <f>IF(kep!M14="","",kep!M14)</f>
        <v>12</v>
      </c>
      <c r="O15">
        <f>IF(kep!N14="","",kep!N14)</f>
        <v>12</v>
      </c>
      <c r="P15" t="str">
        <f>IF(kep!O14="","",kep!O14)</f>
        <v/>
      </c>
      <c r="Q15" t="str">
        <f>IF(kep!P14="","",kep!P14)</f>
        <v/>
      </c>
      <c r="R15" t="str">
        <f>IF(kep!Q14="","",kep!Q14)</f>
        <v/>
      </c>
      <c r="S15">
        <f>IF(kep!R14="","",kep!R14)</f>
        <v>16</v>
      </c>
      <c r="T15">
        <f>IF(kep!S14="","",kep!S14)</f>
        <v>16</v>
      </c>
      <c r="U15">
        <f>IF(kep!T14="","",kep!T14)</f>
        <v>16</v>
      </c>
      <c r="V15" t="str">
        <f>IF(kep!U14="","",kep!U14)</f>
        <v/>
      </c>
      <c r="W15" t="str">
        <f>IF(kep!V14="","",kep!V14)</f>
        <v/>
      </c>
      <c r="X15" t="str">
        <f>IF(kep!W14="","",kep!W14)</f>
        <v/>
      </c>
      <c r="Y15" t="str">
        <f>IF(kep!X14="","",kep!X14)</f>
        <v/>
      </c>
      <c r="Z15" t="str">
        <f>IF(kep!Y14="","",kep!Y14)</f>
        <v/>
      </c>
      <c r="AA15" t="str">
        <f>IF(kep!Z14="","",kep!Z14)</f>
        <v/>
      </c>
      <c r="AB15" t="str">
        <f>IF(kep!AA14="","",kep!AA14)</f>
        <v/>
      </c>
      <c r="AC15" t="str">
        <f>IF(kep!AB14="","",kep!AB14)</f>
        <v/>
      </c>
      <c r="AD15" t="str">
        <f>IF(kep!AC14="","",kep!AC14)</f>
        <v/>
      </c>
      <c r="AE15" t="str">
        <f>IF(kep!AD14="","",kep!AD14)</f>
        <v/>
      </c>
      <c r="AF15">
        <f>IF(kep!AE14="","",kep!AE14)</f>
        <v>11</v>
      </c>
      <c r="AG15" t="str">
        <f>IF(kep!AF14="","",kep!AF14)</f>
        <v/>
      </c>
      <c r="AH15" t="str">
        <f>IF(kep!AG14="","",kep!AG14)</f>
        <v/>
      </c>
      <c r="AI15" t="str">
        <f>IF(kep!AH14="","",kep!AH14)</f>
        <v/>
      </c>
      <c r="AJ15" t="str">
        <f>IF(kep!AI14="","",kep!AI14)</f>
        <v/>
      </c>
      <c r="AK15" t="str">
        <f>IF(kep!AJ14="","",kep!AJ14)</f>
        <v/>
      </c>
      <c r="AL15" t="str">
        <f>IF(kep!AK14="","",kep!AK14)</f>
        <v/>
      </c>
      <c r="AM15" t="str">
        <f>IF(kep!AL14="","",kep!AL14)</f>
        <v/>
      </c>
      <c r="AN15" t="str">
        <f>IF(kep!AM14="","",kep!AM14)</f>
        <v/>
      </c>
      <c r="AO15">
        <f>IF(kep!AN14="","",kep!AN14)</f>
        <v>6</v>
      </c>
      <c r="AP15" t="str">
        <f>IF(kep!AO14="","",kep!AO14)</f>
        <v/>
      </c>
      <c r="AQ15" t="str">
        <f>IF(kep!AP14="","",kep!AP14)</f>
        <v/>
      </c>
      <c r="AR15" t="str">
        <f>IF(kep!AQ14="","",kep!AQ14)</f>
        <v/>
      </c>
      <c r="AS15" t="str">
        <f>IF(kep!AR14="","",kep!AR14)</f>
        <v/>
      </c>
      <c r="AT15" t="str">
        <f>IF(kep!AS14="","",kep!AS14)</f>
        <v/>
      </c>
      <c r="AU15" t="str">
        <f>IF(kep!AT14="","",kep!AT14)</f>
        <v/>
      </c>
      <c r="AV15" t="str">
        <f>IF(kep!AU14="","",kep!AU14)</f>
        <v/>
      </c>
      <c r="AW15" t="str">
        <f>IF(kep!AV14="","",kep!AV14)</f>
        <v/>
      </c>
      <c r="AX15" t="str">
        <f>IF(kep!AW14="","",kep!AW14)</f>
        <v/>
      </c>
      <c r="AY15" t="str">
        <f>IF(kep!AX14="","",kep!AX14)</f>
        <v/>
      </c>
    </row>
    <row r="16" spans="2:51" x14ac:dyDescent="0.25">
      <c r="B16" t="str">
        <f>IF(kep!A15="","",kep!A15)</f>
        <v/>
      </c>
      <c r="C16" t="str">
        <f>IF(kep!B15="","",kep!B15)</f>
        <v/>
      </c>
      <c r="D16" t="str">
        <f>IF(kep!C15="","",kep!C15)</f>
        <v/>
      </c>
      <c r="E16" t="str">
        <f>IF(kep!D15="","",kep!D15)</f>
        <v/>
      </c>
      <c r="F16" t="str">
        <f>IF(kep!E15="","",kep!E15)</f>
        <v/>
      </c>
      <c r="G16" t="str">
        <f>IF(kep!F15="","",kep!F15)</f>
        <v/>
      </c>
      <c r="H16">
        <f>IF(kep!G15="","",kep!G15)</f>
        <v>2</v>
      </c>
      <c r="I16">
        <f>IF(kep!H15="","",kep!H15)</f>
        <v>2</v>
      </c>
      <c r="J16">
        <f>IF(kep!I15="","",kep!I15)</f>
        <v>12</v>
      </c>
      <c r="K16">
        <f>IF(kep!J15="","",kep!J15)</f>
        <v>12</v>
      </c>
      <c r="L16">
        <f>IF(kep!K15="","",kep!K15)</f>
        <v>12</v>
      </c>
      <c r="M16">
        <f>IF(kep!L15="","",kep!L15)</f>
        <v>12</v>
      </c>
      <c r="N16">
        <f>IF(kep!M15="","",kep!M15)</f>
        <v>2</v>
      </c>
      <c r="O16" t="str">
        <f>IF(kep!N15="","",kep!N15)</f>
        <v/>
      </c>
      <c r="P16" t="str">
        <f>IF(kep!O15="","",kep!O15)</f>
        <v/>
      </c>
      <c r="Q16" t="str">
        <f>IF(kep!P15="","",kep!P15)</f>
        <v/>
      </c>
      <c r="R16" t="str">
        <f>IF(kep!Q15="","",kep!Q15)</f>
        <v/>
      </c>
      <c r="S16">
        <f>IF(kep!R15="","",kep!R15)</f>
        <v>16</v>
      </c>
      <c r="T16">
        <f>IF(kep!S15="","",kep!S15)</f>
        <v>16</v>
      </c>
      <c r="U16">
        <f>IF(kep!T15="","",kep!T15)</f>
        <v>16</v>
      </c>
      <c r="V16" t="str">
        <f>IF(kep!U15="","",kep!U15)</f>
        <v/>
      </c>
      <c r="W16" t="str">
        <f>IF(kep!V15="","",kep!V15)</f>
        <v/>
      </c>
      <c r="X16" t="str">
        <f>IF(kep!W15="","",kep!W15)</f>
        <v/>
      </c>
      <c r="Y16" t="str">
        <f>IF(kep!X15="","",kep!X15)</f>
        <v/>
      </c>
      <c r="Z16" t="str">
        <f>IF(kep!Y15="","",kep!Y15)</f>
        <v/>
      </c>
      <c r="AA16" t="str">
        <f>IF(kep!Z15="","",kep!Z15)</f>
        <v/>
      </c>
      <c r="AB16" t="str">
        <f>IF(kep!AA15="","",kep!AA15)</f>
        <v/>
      </c>
      <c r="AC16" t="str">
        <f>IF(kep!AB15="","",kep!AB15)</f>
        <v/>
      </c>
      <c r="AD16" t="str">
        <f>IF(kep!AC15="","",kep!AC15)</f>
        <v/>
      </c>
      <c r="AE16" t="str">
        <f>IF(kep!AD15="","",kep!AD15)</f>
        <v/>
      </c>
      <c r="AF16">
        <f>IF(kep!AE15="","",kep!AE15)</f>
        <v>11</v>
      </c>
      <c r="AG16" t="str">
        <f>IF(kep!AF15="","",kep!AF15)</f>
        <v/>
      </c>
      <c r="AH16" t="str">
        <f>IF(kep!AG15="","",kep!AG15)</f>
        <v/>
      </c>
      <c r="AI16" t="str">
        <f>IF(kep!AH15="","",kep!AH15)</f>
        <v/>
      </c>
      <c r="AJ16" t="str">
        <f>IF(kep!AI15="","",kep!AI15)</f>
        <v/>
      </c>
      <c r="AK16" t="str">
        <f>IF(kep!AJ15="","",kep!AJ15)</f>
        <v/>
      </c>
      <c r="AL16" t="str">
        <f>IF(kep!AK15="","",kep!AK15)</f>
        <v/>
      </c>
      <c r="AM16" t="str">
        <f>IF(kep!AL15="","",kep!AL15)</f>
        <v/>
      </c>
      <c r="AN16" t="str">
        <f>IF(kep!AM15="","",kep!AM15)</f>
        <v/>
      </c>
      <c r="AO16" t="str">
        <f>IF(kep!AN15="","",kep!AN15)</f>
        <v/>
      </c>
      <c r="AP16" t="str">
        <f>IF(kep!AO15="","",kep!AO15)</f>
        <v/>
      </c>
      <c r="AQ16" t="str">
        <f>IF(kep!AP15="","",kep!AP15)</f>
        <v/>
      </c>
      <c r="AR16" t="str">
        <f>IF(kep!AQ15="","",kep!AQ15)</f>
        <v/>
      </c>
      <c r="AS16" t="str">
        <f>IF(kep!AR15="","",kep!AR15)</f>
        <v/>
      </c>
      <c r="AT16" t="str">
        <f>IF(kep!AS15="","",kep!AS15)</f>
        <v/>
      </c>
      <c r="AU16" t="str">
        <f>IF(kep!AT15="","",kep!AT15)</f>
        <v/>
      </c>
      <c r="AV16" t="str">
        <f>IF(kep!AU15="","",kep!AU15)</f>
        <v/>
      </c>
      <c r="AW16" t="str">
        <f>IF(kep!AV15="","",kep!AV15)</f>
        <v/>
      </c>
      <c r="AX16" t="str">
        <f>IF(kep!AW15="","",kep!AW15)</f>
        <v/>
      </c>
      <c r="AY16" t="str">
        <f>IF(kep!AX15="","",kep!AX15)</f>
        <v/>
      </c>
    </row>
    <row r="17" spans="2:51" x14ac:dyDescent="0.25">
      <c r="B17" t="str">
        <f>IF(kep!A16="","",kep!A16)</f>
        <v/>
      </c>
      <c r="C17" t="str">
        <f>IF(kep!B16="","",kep!B16)</f>
        <v/>
      </c>
      <c r="D17" t="str">
        <f>IF(kep!C16="","",kep!C16)</f>
        <v/>
      </c>
      <c r="E17" t="str">
        <f>IF(kep!D16="","",kep!D16)</f>
        <v/>
      </c>
      <c r="F17" t="str">
        <f>IF(kep!E16="","",kep!E16)</f>
        <v/>
      </c>
      <c r="G17" t="str">
        <f>IF(kep!F16="","",kep!F16)</f>
        <v/>
      </c>
      <c r="H17" t="str">
        <f>IF(kep!G16="","",kep!G16)</f>
        <v/>
      </c>
      <c r="I17">
        <f>IF(kep!H16="","",kep!H16)</f>
        <v>2</v>
      </c>
      <c r="J17">
        <f>IF(kep!I16="","",kep!I16)</f>
        <v>2</v>
      </c>
      <c r="K17">
        <f>IF(kep!J16="","",kep!J16)</f>
        <v>2</v>
      </c>
      <c r="L17">
        <f>IF(kep!K16="","",kep!K16)</f>
        <v>2</v>
      </c>
      <c r="M17">
        <f>IF(kep!L16="","",kep!L16)</f>
        <v>2</v>
      </c>
      <c r="N17">
        <f>IF(kep!M16="","",kep!M16)</f>
        <v>2</v>
      </c>
      <c r="O17" t="str">
        <f>IF(kep!N16="","",kep!N16)</f>
        <v/>
      </c>
      <c r="P17" t="str">
        <f>IF(kep!O16="","",kep!O16)</f>
        <v/>
      </c>
      <c r="Q17" t="str">
        <f>IF(kep!P16="","",kep!P16)</f>
        <v/>
      </c>
      <c r="R17" t="str">
        <f>IF(kep!Q16="","",kep!Q16)</f>
        <v/>
      </c>
      <c r="S17">
        <f>IF(kep!R16="","",kep!R16)</f>
        <v>16</v>
      </c>
      <c r="T17">
        <f>IF(kep!S16="","",kep!S16)</f>
        <v>16</v>
      </c>
      <c r="U17">
        <f>IF(kep!T16="","",kep!T16)</f>
        <v>16</v>
      </c>
      <c r="V17" t="str">
        <f>IF(kep!U16="","",kep!U16)</f>
        <v/>
      </c>
      <c r="W17" t="str">
        <f>IF(kep!V16="","",kep!V16)</f>
        <v/>
      </c>
      <c r="X17" t="str">
        <f>IF(kep!W16="","",kep!W16)</f>
        <v/>
      </c>
      <c r="Y17" t="str">
        <f>IF(kep!X16="","",kep!X16)</f>
        <v/>
      </c>
      <c r="Z17" t="str">
        <f>IF(kep!Y16="","",kep!Y16)</f>
        <v/>
      </c>
      <c r="AA17" t="str">
        <f>IF(kep!Z16="","",kep!Z16)</f>
        <v/>
      </c>
      <c r="AB17" t="str">
        <f>IF(kep!AA16="","",kep!AA16)</f>
        <v/>
      </c>
      <c r="AC17" t="str">
        <f>IF(kep!AB16="","",kep!AB16)</f>
        <v/>
      </c>
      <c r="AD17" t="str">
        <f>IF(kep!AC16="","",kep!AC16)</f>
        <v/>
      </c>
      <c r="AE17" t="str">
        <f>IF(kep!AD16="","",kep!AD16)</f>
        <v/>
      </c>
      <c r="AF17" t="str">
        <f>IF(kep!AE16="","",kep!AE16)</f>
        <v/>
      </c>
      <c r="AG17" t="str">
        <f>IF(kep!AF16="","",kep!AF16)</f>
        <v/>
      </c>
      <c r="AH17" t="str">
        <f>IF(kep!AG16="","",kep!AG16)</f>
        <v/>
      </c>
      <c r="AI17" t="str">
        <f>IF(kep!AH16="","",kep!AH16)</f>
        <v/>
      </c>
      <c r="AJ17" t="str">
        <f>IF(kep!AI16="","",kep!AI16)</f>
        <v/>
      </c>
      <c r="AK17" t="str">
        <f>IF(kep!AJ16="","",kep!AJ16)</f>
        <v/>
      </c>
      <c r="AL17" t="str">
        <f>IF(kep!AK16="","",kep!AK16)</f>
        <v/>
      </c>
      <c r="AM17" t="str">
        <f>IF(kep!AL16="","",kep!AL16)</f>
        <v/>
      </c>
      <c r="AN17" t="str">
        <f>IF(kep!AM16="","",kep!AM16)</f>
        <v/>
      </c>
      <c r="AO17" t="str">
        <f>IF(kep!AN16="","",kep!AN16)</f>
        <v/>
      </c>
      <c r="AP17" t="str">
        <f>IF(kep!AO16="","",kep!AO16)</f>
        <v/>
      </c>
      <c r="AQ17" t="str">
        <f>IF(kep!AP16="","",kep!AP16)</f>
        <v/>
      </c>
      <c r="AR17" t="str">
        <f>IF(kep!AQ16="","",kep!AQ16)</f>
        <v/>
      </c>
      <c r="AS17" t="str">
        <f>IF(kep!AR16="","",kep!AR16)</f>
        <v/>
      </c>
      <c r="AT17" t="str">
        <f>IF(kep!AS16="","",kep!AS16)</f>
        <v/>
      </c>
      <c r="AU17" t="str">
        <f>IF(kep!AT16="","",kep!AT16)</f>
        <v/>
      </c>
      <c r="AV17" t="str">
        <f>IF(kep!AU16="","",kep!AU16)</f>
        <v/>
      </c>
      <c r="AW17" t="str">
        <f>IF(kep!AV16="","",kep!AV16)</f>
        <v/>
      </c>
      <c r="AX17" t="str">
        <f>IF(kep!AW16="","",kep!AW16)</f>
        <v/>
      </c>
      <c r="AY17" t="str">
        <f>IF(kep!AX16="","",kep!AX16)</f>
        <v/>
      </c>
    </row>
    <row r="18" spans="2:51" x14ac:dyDescent="0.25">
      <c r="B18" t="str">
        <f>IF(kep!A17="","",kep!A17)</f>
        <v/>
      </c>
      <c r="C18" t="str">
        <f>IF(kep!B17="","",kep!B17)</f>
        <v/>
      </c>
      <c r="D18" t="str">
        <f>IF(kep!C17="","",kep!C17)</f>
        <v/>
      </c>
      <c r="E18" t="str">
        <f>IF(kep!D17="","",kep!D17)</f>
        <v/>
      </c>
      <c r="F18" t="str">
        <f>IF(kep!E17="","",kep!E17)</f>
        <v/>
      </c>
      <c r="G18" t="str">
        <f>IF(kep!F17="","",kep!F17)</f>
        <v/>
      </c>
      <c r="H18" t="str">
        <f>IF(kep!G17="","",kep!G17)</f>
        <v/>
      </c>
      <c r="I18">
        <f>IF(kep!H17="","",kep!H17)</f>
        <v>2</v>
      </c>
      <c r="J18">
        <f>IF(kep!I17="","",kep!I17)</f>
        <v>2</v>
      </c>
      <c r="K18" t="str">
        <f>IF(kep!J17="","",kep!J17)</f>
        <v/>
      </c>
      <c r="L18" t="str">
        <f>IF(kep!K17="","",kep!K17)</f>
        <v/>
      </c>
      <c r="M18" t="str">
        <f>IF(kep!L17="","",kep!L17)</f>
        <v/>
      </c>
      <c r="N18" t="str">
        <f>IF(kep!M17="","",kep!M17)</f>
        <v/>
      </c>
      <c r="O18" t="str">
        <f>IF(kep!N17="","",kep!N17)</f>
        <v/>
      </c>
      <c r="P18" t="str">
        <f>IF(kep!O17="","",kep!O17)</f>
        <v/>
      </c>
      <c r="Q18" t="str">
        <f>IF(kep!P17="","",kep!P17)</f>
        <v/>
      </c>
      <c r="R18" t="str">
        <f>IF(kep!Q17="","",kep!Q17)</f>
        <v/>
      </c>
      <c r="S18" t="str">
        <f>IF(kep!R17="","",kep!R17)</f>
        <v/>
      </c>
      <c r="T18" t="str">
        <f>IF(kep!S17="","",kep!S17)</f>
        <v/>
      </c>
      <c r="U18" t="str">
        <f>IF(kep!T17="","",kep!T17)</f>
        <v/>
      </c>
      <c r="V18" t="str">
        <f>IF(kep!U17="","",kep!U17)</f>
        <v/>
      </c>
      <c r="W18" t="str">
        <f>IF(kep!V17="","",kep!V17)</f>
        <v/>
      </c>
      <c r="X18" t="str">
        <f>IF(kep!W17="","",kep!W17)</f>
        <v/>
      </c>
      <c r="Y18" t="str">
        <f>IF(kep!X17="","",kep!X17)</f>
        <v/>
      </c>
      <c r="Z18" t="str">
        <f>IF(kep!Y17="","",kep!Y17)</f>
        <v/>
      </c>
      <c r="AA18" t="str">
        <f>IF(kep!Z17="","",kep!Z17)</f>
        <v/>
      </c>
      <c r="AB18">
        <f>IF(kep!AA17="","",kep!AA17)</f>
        <v>20</v>
      </c>
      <c r="AC18" t="str">
        <f>IF(kep!AB17="","",kep!AB17)</f>
        <v/>
      </c>
      <c r="AD18" t="str">
        <f>IF(kep!AC17="","",kep!AC17)</f>
        <v/>
      </c>
      <c r="AE18" t="str">
        <f>IF(kep!AD17="","",kep!AD17)</f>
        <v/>
      </c>
      <c r="AF18" t="str">
        <f>IF(kep!AE17="","",kep!AE17)</f>
        <v/>
      </c>
      <c r="AG18" t="str">
        <f>IF(kep!AF17="","",kep!AF17)</f>
        <v/>
      </c>
      <c r="AH18" t="str">
        <f>IF(kep!AG17="","",kep!AG17)</f>
        <v/>
      </c>
      <c r="AI18" t="str">
        <f>IF(kep!AH17="","",kep!AH17)</f>
        <v/>
      </c>
      <c r="AJ18" t="str">
        <f>IF(kep!AI17="","",kep!AI17)</f>
        <v/>
      </c>
      <c r="AK18" t="str">
        <f>IF(kep!AJ17="","",kep!AJ17)</f>
        <v/>
      </c>
      <c r="AL18" t="str">
        <f>IF(kep!AK17="","",kep!AK17)</f>
        <v/>
      </c>
      <c r="AM18" t="str">
        <f>IF(kep!AL17="","",kep!AL17)</f>
        <v/>
      </c>
      <c r="AN18" t="str">
        <f>IF(kep!AM17="","",kep!AM17)</f>
        <v/>
      </c>
      <c r="AO18" t="str">
        <f>IF(kep!AN17="","",kep!AN17)</f>
        <v/>
      </c>
      <c r="AP18" t="str">
        <f>IF(kep!AO17="","",kep!AO17)</f>
        <v/>
      </c>
      <c r="AQ18" t="str">
        <f>IF(kep!AP17="","",kep!AP17)</f>
        <v/>
      </c>
      <c r="AR18" t="str">
        <f>IF(kep!AQ17="","",kep!AQ17)</f>
        <v/>
      </c>
      <c r="AS18" t="str">
        <f>IF(kep!AR17="","",kep!AR17)</f>
        <v/>
      </c>
      <c r="AT18" t="str">
        <f>IF(kep!AS17="","",kep!AS17)</f>
        <v/>
      </c>
      <c r="AU18" t="str">
        <f>IF(kep!AT17="","",kep!AT17)</f>
        <v/>
      </c>
      <c r="AV18" t="str">
        <f>IF(kep!AU17="","",kep!AU17)</f>
        <v/>
      </c>
      <c r="AW18" t="str">
        <f>IF(kep!AV17="","",kep!AV17)</f>
        <v/>
      </c>
      <c r="AX18" t="str">
        <f>IF(kep!AW17="","",kep!AW17)</f>
        <v/>
      </c>
      <c r="AY18" t="str">
        <f>IF(kep!AX17="","",kep!AX17)</f>
        <v/>
      </c>
    </row>
    <row r="19" spans="2:51" x14ac:dyDescent="0.25">
      <c r="B19" t="str">
        <f>IF(kep!A18="","",kep!A18)</f>
        <v/>
      </c>
      <c r="C19" t="str">
        <f>IF(kep!B18="","",kep!B18)</f>
        <v/>
      </c>
      <c r="D19" t="str">
        <f>IF(kep!C18="","",kep!C18)</f>
        <v/>
      </c>
      <c r="E19" t="str">
        <f>IF(kep!D18="","",kep!D18)</f>
        <v/>
      </c>
      <c r="F19" t="str">
        <f>IF(kep!E18="","",kep!E18)</f>
        <v/>
      </c>
      <c r="G19" t="str">
        <f>IF(kep!F18="","",kep!F18)</f>
        <v/>
      </c>
      <c r="H19" t="str">
        <f>IF(kep!G18="","",kep!G18)</f>
        <v/>
      </c>
      <c r="I19" t="str">
        <f>IF(kep!H18="","",kep!H18)</f>
        <v/>
      </c>
      <c r="J19" t="str">
        <f>IF(kep!I18="","",kep!I18)</f>
        <v/>
      </c>
      <c r="K19" t="str">
        <f>IF(kep!J18="","",kep!J18)</f>
        <v/>
      </c>
      <c r="L19" t="str">
        <f>IF(kep!K18="","",kep!K18)</f>
        <v/>
      </c>
      <c r="M19" t="str">
        <f>IF(kep!L18="","",kep!L18)</f>
        <v/>
      </c>
      <c r="N19" t="str">
        <f>IF(kep!M18="","",kep!M18)</f>
        <v/>
      </c>
      <c r="O19" t="str">
        <f>IF(kep!N18="","",kep!N18)</f>
        <v/>
      </c>
      <c r="P19" t="str">
        <f>IF(kep!O18="","",kep!O18)</f>
        <v/>
      </c>
      <c r="Q19" t="str">
        <f>IF(kep!P18="","",kep!P18)</f>
        <v/>
      </c>
      <c r="R19" t="str">
        <f>IF(kep!Q18="","",kep!Q18)</f>
        <v/>
      </c>
      <c r="S19" t="str">
        <f>IF(kep!R18="","",kep!R18)</f>
        <v/>
      </c>
      <c r="T19" t="str">
        <f>IF(kep!S18="","",kep!S18)</f>
        <v/>
      </c>
      <c r="U19" t="str">
        <f>IF(kep!T18="","",kep!T18)</f>
        <v/>
      </c>
      <c r="V19" t="str">
        <f>IF(kep!U18="","",kep!U18)</f>
        <v/>
      </c>
      <c r="W19" t="str">
        <f>IF(kep!V18="","",kep!V18)</f>
        <v/>
      </c>
      <c r="X19" t="str">
        <f>IF(kep!W18="","",kep!W18)</f>
        <v/>
      </c>
      <c r="Y19" t="str">
        <f>IF(kep!X18="","",kep!X18)</f>
        <v/>
      </c>
      <c r="Z19" t="str">
        <f>IF(kep!Y18="","",kep!Y18)</f>
        <v/>
      </c>
      <c r="AA19" t="str">
        <f>IF(kep!Z18="","",kep!Z18)</f>
        <v/>
      </c>
      <c r="AB19">
        <f>IF(kep!AA18="","",kep!AA18)</f>
        <v>20</v>
      </c>
      <c r="AC19" t="str">
        <f>IF(kep!AB18="","",kep!AB18)</f>
        <v/>
      </c>
      <c r="AD19" t="str">
        <f>IF(kep!AC18="","",kep!AC18)</f>
        <v/>
      </c>
      <c r="AE19" t="str">
        <f>IF(kep!AD18="","",kep!AD18)</f>
        <v/>
      </c>
      <c r="AF19" t="str">
        <f>IF(kep!AE18="","",kep!AE18)</f>
        <v/>
      </c>
      <c r="AG19" t="str">
        <f>IF(kep!AF18="","",kep!AF18)</f>
        <v/>
      </c>
      <c r="AH19" t="str">
        <f>IF(kep!AG18="","",kep!AG18)</f>
        <v/>
      </c>
      <c r="AI19" t="str">
        <f>IF(kep!AH18="","",kep!AH18)</f>
        <v/>
      </c>
      <c r="AJ19" t="str">
        <f>IF(kep!AI18="","",kep!AI18)</f>
        <v/>
      </c>
      <c r="AK19" t="str">
        <f>IF(kep!AJ18="","",kep!AJ18)</f>
        <v/>
      </c>
      <c r="AL19" t="str">
        <f>IF(kep!AK18="","",kep!AK18)</f>
        <v/>
      </c>
      <c r="AM19" t="str">
        <f>IF(kep!AL18="","",kep!AL18)</f>
        <v/>
      </c>
      <c r="AN19" t="str">
        <f>IF(kep!AM18="","",kep!AM18)</f>
        <v/>
      </c>
      <c r="AO19" t="str">
        <f>IF(kep!AN18="","",kep!AN18)</f>
        <v/>
      </c>
      <c r="AP19" t="str">
        <f>IF(kep!AO18="","",kep!AO18)</f>
        <v/>
      </c>
      <c r="AQ19" t="str">
        <f>IF(kep!AP18="","",kep!AP18)</f>
        <v/>
      </c>
      <c r="AR19" t="str">
        <f>IF(kep!AQ18="","",kep!AQ18)</f>
        <v/>
      </c>
      <c r="AS19" t="str">
        <f>IF(kep!AR18="","",kep!AR18)</f>
        <v/>
      </c>
      <c r="AT19" t="str">
        <f>IF(kep!AS18="","",kep!AS18)</f>
        <v/>
      </c>
      <c r="AU19" t="str">
        <f>IF(kep!AT18="","",kep!AT18)</f>
        <v/>
      </c>
      <c r="AV19" t="str">
        <f>IF(kep!AU18="","",kep!AU18)</f>
        <v/>
      </c>
      <c r="AW19" t="str">
        <f>IF(kep!AV18="","",kep!AV18)</f>
        <v/>
      </c>
      <c r="AX19" t="str">
        <f>IF(kep!AW18="","",kep!AW18)</f>
        <v/>
      </c>
      <c r="AY19" t="str">
        <f>IF(kep!AX18="","",kep!AX18)</f>
        <v/>
      </c>
    </row>
    <row r="20" spans="2:51" x14ac:dyDescent="0.25">
      <c r="B20" t="str">
        <f>IF(kep!A19="","",kep!A19)</f>
        <v/>
      </c>
      <c r="C20" t="str">
        <f>IF(kep!B19="","",kep!B19)</f>
        <v/>
      </c>
      <c r="D20" t="str">
        <f>IF(kep!C19="","",kep!C19)</f>
        <v/>
      </c>
      <c r="E20" t="str">
        <f>IF(kep!D19="","",kep!D19)</f>
        <v/>
      </c>
      <c r="F20" t="str">
        <f>IF(kep!E19="","",kep!E19)</f>
        <v/>
      </c>
      <c r="G20" t="str">
        <f>IF(kep!F19="","",kep!F19)</f>
        <v/>
      </c>
      <c r="H20" t="str">
        <f>IF(kep!G19="","",kep!G19)</f>
        <v/>
      </c>
      <c r="I20" t="str">
        <f>IF(kep!H19="","",kep!H19)</f>
        <v/>
      </c>
      <c r="J20" t="str">
        <f>IF(kep!I19="","",kep!I19)</f>
        <v/>
      </c>
      <c r="K20" t="str">
        <f>IF(kep!J19="","",kep!J19)</f>
        <v/>
      </c>
      <c r="L20" t="str">
        <f>IF(kep!K19="","",kep!K19)</f>
        <v/>
      </c>
      <c r="M20" t="str">
        <f>IF(kep!L19="","",kep!L19)</f>
        <v/>
      </c>
      <c r="N20" t="str">
        <f>IF(kep!M19="","",kep!M19)</f>
        <v/>
      </c>
      <c r="O20" t="str">
        <f>IF(kep!N19="","",kep!N19)</f>
        <v/>
      </c>
      <c r="P20" t="str">
        <f>IF(kep!O19="","",kep!O19)</f>
        <v/>
      </c>
      <c r="Q20" t="str">
        <f>IF(kep!P19="","",kep!P19)</f>
        <v/>
      </c>
      <c r="R20" t="str">
        <f>IF(kep!Q19="","",kep!Q19)</f>
        <v/>
      </c>
      <c r="S20" t="str">
        <f>IF(kep!R19="","",kep!R19)</f>
        <v/>
      </c>
      <c r="T20" t="str">
        <f>IF(kep!S19="","",kep!S19)</f>
        <v/>
      </c>
      <c r="U20" t="str">
        <f>IF(kep!T19="","",kep!T19)</f>
        <v/>
      </c>
      <c r="V20" t="str">
        <f>IF(kep!U19="","",kep!U19)</f>
        <v/>
      </c>
      <c r="W20" t="str">
        <f>IF(kep!V19="","",kep!V19)</f>
        <v/>
      </c>
      <c r="X20" t="str">
        <f>IF(kep!W19="","",kep!W19)</f>
        <v/>
      </c>
      <c r="Y20" t="str">
        <f>IF(kep!X19="","",kep!X19)</f>
        <v/>
      </c>
      <c r="Z20">
        <f>IF(kep!Y19="","",kep!Y19)</f>
        <v>20</v>
      </c>
      <c r="AA20">
        <f>IF(kep!Z19="","",kep!Z19)</f>
        <v>20</v>
      </c>
      <c r="AB20">
        <f>IF(kep!AA19="","",kep!AA19)</f>
        <v>20</v>
      </c>
      <c r="AC20">
        <f>IF(kep!AB19="","",kep!AB19)</f>
        <v>20</v>
      </c>
      <c r="AD20">
        <f>IF(kep!AC19="","",kep!AC19)</f>
        <v>20</v>
      </c>
      <c r="AE20" t="str">
        <f>IF(kep!AD19="","",kep!AD19)</f>
        <v/>
      </c>
      <c r="AF20" t="str">
        <f>IF(kep!AE19="","",kep!AE19)</f>
        <v/>
      </c>
      <c r="AG20" t="str">
        <f>IF(kep!AF19="","",kep!AF19)</f>
        <v/>
      </c>
      <c r="AH20" t="str">
        <f>IF(kep!AG19="","",kep!AG19)</f>
        <v/>
      </c>
      <c r="AI20" t="str">
        <f>IF(kep!AH19="","",kep!AH19)</f>
        <v/>
      </c>
      <c r="AJ20" t="str">
        <f>IF(kep!AI19="","",kep!AI19)</f>
        <v/>
      </c>
      <c r="AK20" t="str">
        <f>IF(kep!AJ19="","",kep!AJ19)</f>
        <v/>
      </c>
      <c r="AL20" t="str">
        <f>IF(kep!AK19="","",kep!AK19)</f>
        <v/>
      </c>
      <c r="AM20" t="str">
        <f>IF(kep!AL19="","",kep!AL19)</f>
        <v/>
      </c>
      <c r="AN20" t="str">
        <f>IF(kep!AM19="","",kep!AM19)</f>
        <v/>
      </c>
      <c r="AO20" t="str">
        <f>IF(kep!AN19="","",kep!AN19)</f>
        <v/>
      </c>
      <c r="AP20" t="str">
        <f>IF(kep!AO19="","",kep!AO19)</f>
        <v/>
      </c>
      <c r="AQ20" t="str">
        <f>IF(kep!AP19="","",kep!AP19)</f>
        <v/>
      </c>
      <c r="AR20" t="str">
        <f>IF(kep!AQ19="","",kep!AQ19)</f>
        <v/>
      </c>
      <c r="AS20" t="str">
        <f>IF(kep!AR19="","",kep!AR19)</f>
        <v/>
      </c>
      <c r="AT20" t="str">
        <f>IF(kep!AS19="","",kep!AS19)</f>
        <v/>
      </c>
      <c r="AU20" t="str">
        <f>IF(kep!AT19="","",kep!AT19)</f>
        <v/>
      </c>
      <c r="AV20" t="str">
        <f>IF(kep!AU19="","",kep!AU19)</f>
        <v/>
      </c>
      <c r="AW20" t="str">
        <f>IF(kep!AV19="","",kep!AV19)</f>
        <v/>
      </c>
      <c r="AX20" t="str">
        <f>IF(kep!AW19="","",kep!AW19)</f>
        <v/>
      </c>
      <c r="AY20" t="str">
        <f>IF(kep!AX19="","",kep!AX19)</f>
        <v/>
      </c>
    </row>
    <row r="21" spans="2:51" x14ac:dyDescent="0.25">
      <c r="B21" t="str">
        <f>IF(kep!A20="","",kep!A20)</f>
        <v/>
      </c>
      <c r="C21" t="str">
        <f>IF(kep!B20="","",kep!B20)</f>
        <v/>
      </c>
      <c r="D21" t="str">
        <f>IF(kep!C20="","",kep!C20)</f>
        <v/>
      </c>
      <c r="E21" t="str">
        <f>IF(kep!D20="","",kep!D20)</f>
        <v/>
      </c>
      <c r="F21" t="str">
        <f>IF(kep!E20="","",kep!E20)</f>
        <v/>
      </c>
      <c r="G21" t="str">
        <f>IF(kep!F20="","",kep!F20)</f>
        <v/>
      </c>
      <c r="H21" t="str">
        <f>IF(kep!G20="","",kep!G20)</f>
        <v/>
      </c>
      <c r="I21" t="str">
        <f>IF(kep!H20="","",kep!H20)</f>
        <v/>
      </c>
      <c r="J21" t="str">
        <f>IF(kep!I20="","",kep!I20)</f>
        <v/>
      </c>
      <c r="K21" t="str">
        <f>IF(kep!J20="","",kep!J20)</f>
        <v/>
      </c>
      <c r="L21" t="str">
        <f>IF(kep!K20="","",kep!K20)</f>
        <v/>
      </c>
      <c r="M21" t="str">
        <f>IF(kep!L20="","",kep!L20)</f>
        <v/>
      </c>
      <c r="N21" t="str">
        <f>IF(kep!M20="","",kep!M20)</f>
        <v/>
      </c>
      <c r="O21" t="str">
        <f>IF(kep!N20="","",kep!N20)</f>
        <v/>
      </c>
      <c r="P21" t="str">
        <f>IF(kep!O20="","",kep!O20)</f>
        <v/>
      </c>
      <c r="Q21" t="str">
        <f>IF(kep!P20="","",kep!P20)</f>
        <v/>
      </c>
      <c r="R21" t="str">
        <f>IF(kep!Q20="","",kep!Q20)</f>
        <v/>
      </c>
      <c r="S21" t="str">
        <f>IF(kep!R20="","",kep!R20)</f>
        <v/>
      </c>
      <c r="T21" t="str">
        <f>IF(kep!S20="","",kep!S20)</f>
        <v/>
      </c>
      <c r="U21" t="str">
        <f>IF(kep!T20="","",kep!T20)</f>
        <v/>
      </c>
      <c r="V21" t="str">
        <f>IF(kep!U20="","",kep!U20)</f>
        <v/>
      </c>
      <c r="W21" t="str">
        <f>IF(kep!V20="","",kep!V20)</f>
        <v/>
      </c>
      <c r="X21" t="str">
        <f>IF(kep!W20="","",kep!W20)</f>
        <v/>
      </c>
      <c r="Y21" t="str">
        <f>IF(kep!X20="","",kep!X20)</f>
        <v/>
      </c>
      <c r="Z21" t="str">
        <f>IF(kep!Y20="","",kep!Y20)</f>
        <v/>
      </c>
      <c r="AA21" t="str">
        <f>IF(kep!Z20="","",kep!Z20)</f>
        <v/>
      </c>
      <c r="AB21">
        <f>IF(kep!AA20="","",kep!AA20)</f>
        <v>20</v>
      </c>
      <c r="AC21" t="str">
        <f>IF(kep!AB20="","",kep!AB20)</f>
        <v/>
      </c>
      <c r="AD21" t="str">
        <f>IF(kep!AC20="","",kep!AC20)</f>
        <v/>
      </c>
      <c r="AE21" t="str">
        <f>IF(kep!AD20="","",kep!AD20)</f>
        <v/>
      </c>
      <c r="AF21" t="str">
        <f>IF(kep!AE20="","",kep!AE20)</f>
        <v/>
      </c>
      <c r="AG21" t="str">
        <f>IF(kep!AF20="","",kep!AF20)</f>
        <v/>
      </c>
      <c r="AH21" t="str">
        <f>IF(kep!AG20="","",kep!AG20)</f>
        <v/>
      </c>
      <c r="AI21" t="str">
        <f>IF(kep!AH20="","",kep!AH20)</f>
        <v/>
      </c>
      <c r="AJ21" t="str">
        <f>IF(kep!AI20="","",kep!AI20)</f>
        <v/>
      </c>
      <c r="AK21" t="str">
        <f>IF(kep!AJ20="","",kep!AJ20)</f>
        <v/>
      </c>
      <c r="AL21" t="str">
        <f>IF(kep!AK20="","",kep!AK20)</f>
        <v/>
      </c>
      <c r="AM21" t="str">
        <f>IF(kep!AL20="","",kep!AL20)</f>
        <v/>
      </c>
      <c r="AN21" t="str">
        <f>IF(kep!AM20="","",kep!AM20)</f>
        <v/>
      </c>
      <c r="AO21" t="str">
        <f>IF(kep!AN20="","",kep!AN20)</f>
        <v/>
      </c>
      <c r="AP21" t="str">
        <f>IF(kep!AO20="","",kep!AO20)</f>
        <v/>
      </c>
      <c r="AQ21" t="str">
        <f>IF(kep!AP20="","",kep!AP20)</f>
        <v/>
      </c>
      <c r="AR21" t="str">
        <f>IF(kep!AQ20="","",kep!AQ20)</f>
        <v/>
      </c>
      <c r="AS21" t="str">
        <f>IF(kep!AR20="","",kep!AR20)</f>
        <v/>
      </c>
      <c r="AT21" t="str">
        <f>IF(kep!AS20="","",kep!AS20)</f>
        <v/>
      </c>
      <c r="AU21" t="str">
        <f>IF(kep!AT20="","",kep!AT20)</f>
        <v/>
      </c>
      <c r="AV21" t="str">
        <f>IF(kep!AU20="","",kep!AU20)</f>
        <v/>
      </c>
      <c r="AW21" t="str">
        <f>IF(kep!AV20="","",kep!AV20)</f>
        <v/>
      </c>
      <c r="AX21" t="str">
        <f>IF(kep!AW20="","",kep!AW20)</f>
        <v/>
      </c>
      <c r="AY21" t="str">
        <f>IF(kep!AX20="","",kep!AX20)</f>
        <v/>
      </c>
    </row>
    <row r="22" spans="2:51" x14ac:dyDescent="0.25">
      <c r="B22" t="str">
        <f>IF(kep!A21="","",kep!A21)</f>
        <v/>
      </c>
      <c r="C22" t="str">
        <f>IF(kep!B21="","",kep!B21)</f>
        <v/>
      </c>
      <c r="D22" t="str">
        <f>IF(kep!C21="","",kep!C21)</f>
        <v/>
      </c>
      <c r="E22" t="str">
        <f>IF(kep!D21="","",kep!D21)</f>
        <v/>
      </c>
      <c r="F22" t="str">
        <f>IF(kep!E21="","",kep!E21)</f>
        <v/>
      </c>
      <c r="G22" t="str">
        <f>IF(kep!F21="","",kep!F21)</f>
        <v/>
      </c>
      <c r="H22" t="str">
        <f>IF(kep!G21="","",kep!G21)</f>
        <v/>
      </c>
      <c r="I22" t="str">
        <f>IF(kep!H21="","",kep!H21)</f>
        <v/>
      </c>
      <c r="J22" t="str">
        <f>IF(kep!I21="","",kep!I21)</f>
        <v/>
      </c>
      <c r="K22" t="str">
        <f>IF(kep!J21="","",kep!J21)</f>
        <v/>
      </c>
      <c r="L22" t="str">
        <f>IF(kep!K21="","",kep!K21)</f>
        <v/>
      </c>
      <c r="M22" t="str">
        <f>IF(kep!L21="","",kep!L21)</f>
        <v/>
      </c>
      <c r="N22" t="str">
        <f>IF(kep!M21="","",kep!M21)</f>
        <v/>
      </c>
      <c r="O22" t="str">
        <f>IF(kep!N21="","",kep!N21)</f>
        <v/>
      </c>
      <c r="P22" t="str">
        <f>IF(kep!O21="","",kep!O21)</f>
        <v/>
      </c>
      <c r="Q22" t="str">
        <f>IF(kep!P21="","",kep!P21)</f>
        <v/>
      </c>
      <c r="R22" t="str">
        <f>IF(kep!Q21="","",kep!Q21)</f>
        <v/>
      </c>
      <c r="S22" t="str">
        <f>IF(kep!R21="","",kep!R21)</f>
        <v/>
      </c>
      <c r="T22" t="str">
        <f>IF(kep!S21="","",kep!S21)</f>
        <v/>
      </c>
      <c r="U22" t="str">
        <f>IF(kep!T21="","",kep!T21)</f>
        <v/>
      </c>
      <c r="V22" t="str">
        <f>IF(kep!U21="","",kep!U21)</f>
        <v/>
      </c>
      <c r="W22" t="str">
        <f>IF(kep!V21="","",kep!V21)</f>
        <v/>
      </c>
      <c r="X22" t="str">
        <f>IF(kep!W21="","",kep!W21)</f>
        <v/>
      </c>
      <c r="Y22" t="str">
        <f>IF(kep!X21="","",kep!X21)</f>
        <v/>
      </c>
      <c r="Z22" t="str">
        <f>IF(kep!Y21="","",kep!Y21)</f>
        <v/>
      </c>
      <c r="AA22" t="str">
        <f>IF(kep!Z21="","",kep!Z21)</f>
        <v/>
      </c>
      <c r="AB22">
        <f>IF(kep!AA21="","",kep!AA21)</f>
        <v>20</v>
      </c>
      <c r="AC22" t="str">
        <f>IF(kep!AB21="","",kep!AB21)</f>
        <v/>
      </c>
      <c r="AD22" t="str">
        <f>IF(kep!AC21="","",kep!AC21)</f>
        <v/>
      </c>
      <c r="AE22" t="str">
        <f>IF(kep!AD21="","",kep!AD21)</f>
        <v/>
      </c>
      <c r="AF22" t="str">
        <f>IF(kep!AE21="","",kep!AE21)</f>
        <v/>
      </c>
      <c r="AG22" t="str">
        <f>IF(kep!AF21="","",kep!AF21)</f>
        <v/>
      </c>
      <c r="AH22" t="str">
        <f>IF(kep!AG21="","",kep!AG21)</f>
        <v/>
      </c>
      <c r="AI22" t="str">
        <f>IF(kep!AH21="","",kep!AH21)</f>
        <v/>
      </c>
      <c r="AJ22" t="str">
        <f>IF(kep!AI21="","",kep!AI21)</f>
        <v/>
      </c>
      <c r="AK22" t="str">
        <f>IF(kep!AJ21="","",kep!AJ21)</f>
        <v/>
      </c>
      <c r="AL22" t="str">
        <f>IF(kep!AK21="","",kep!AK21)</f>
        <v/>
      </c>
      <c r="AM22" t="str">
        <f>IF(kep!AL21="","",kep!AL21)</f>
        <v/>
      </c>
      <c r="AN22" t="str">
        <f>IF(kep!AM21="","",kep!AM21)</f>
        <v/>
      </c>
      <c r="AO22" t="str">
        <f>IF(kep!AN21="","",kep!AN21)</f>
        <v/>
      </c>
      <c r="AP22" t="str">
        <f>IF(kep!AO21="","",kep!AO21)</f>
        <v/>
      </c>
      <c r="AQ22" t="str">
        <f>IF(kep!AP21="","",kep!AP21)</f>
        <v/>
      </c>
      <c r="AR22" t="str">
        <f>IF(kep!AQ21="","",kep!AQ21)</f>
        <v/>
      </c>
      <c r="AS22" t="str">
        <f>IF(kep!AR21="","",kep!AR21)</f>
        <v/>
      </c>
      <c r="AT22" t="str">
        <f>IF(kep!AS21="","",kep!AS21)</f>
        <v/>
      </c>
      <c r="AU22" t="str">
        <f>IF(kep!AT21="","",kep!AT21)</f>
        <v/>
      </c>
      <c r="AV22" t="str">
        <f>IF(kep!AU21="","",kep!AU21)</f>
        <v/>
      </c>
      <c r="AW22" t="str">
        <f>IF(kep!AV21="","",kep!AV21)</f>
        <v/>
      </c>
      <c r="AX22" t="str">
        <f>IF(kep!AW21="","",kep!AW21)</f>
        <v/>
      </c>
      <c r="AY22" t="str">
        <f>IF(kep!AX21="","",kep!AX21)</f>
        <v/>
      </c>
    </row>
    <row r="23" spans="2:51" x14ac:dyDescent="0.25">
      <c r="B23" t="str">
        <f>IF(kep!A22="","",kep!A22)</f>
        <v/>
      </c>
      <c r="C23" t="str">
        <f>IF(kep!B22="","",kep!B22)</f>
        <v/>
      </c>
      <c r="D23" t="str">
        <f>IF(kep!C22="","",kep!C22)</f>
        <v/>
      </c>
      <c r="E23" t="str">
        <f>IF(kep!D22="","",kep!D22)</f>
        <v/>
      </c>
      <c r="F23" t="str">
        <f>IF(kep!E22="","",kep!E22)</f>
        <v/>
      </c>
      <c r="G23" t="str">
        <f>IF(kep!F22="","",kep!F22)</f>
        <v/>
      </c>
      <c r="H23" t="str">
        <f>IF(kep!G22="","",kep!G22)</f>
        <v/>
      </c>
      <c r="I23" t="str">
        <f>IF(kep!H22="","",kep!H22)</f>
        <v/>
      </c>
      <c r="J23" t="str">
        <f>IF(kep!I22="","",kep!I22)</f>
        <v/>
      </c>
      <c r="K23" t="str">
        <f>IF(kep!J22="","",kep!J22)</f>
        <v/>
      </c>
      <c r="L23" t="str">
        <f>IF(kep!K22="","",kep!K22)</f>
        <v/>
      </c>
      <c r="M23" t="str">
        <f>IF(kep!L22="","",kep!L22)</f>
        <v/>
      </c>
      <c r="N23" t="str">
        <f>IF(kep!M22="","",kep!M22)</f>
        <v/>
      </c>
      <c r="O23" t="str">
        <f>IF(kep!N22="","",kep!N22)</f>
        <v/>
      </c>
      <c r="P23" t="str">
        <f>IF(kep!O22="","",kep!O22)</f>
        <v/>
      </c>
      <c r="Q23" t="str">
        <f>IF(kep!P22="","",kep!P22)</f>
        <v/>
      </c>
      <c r="R23" t="str">
        <f>IF(kep!Q22="","",kep!Q22)</f>
        <v/>
      </c>
      <c r="S23" t="str">
        <f>IF(kep!R22="","",kep!R22)</f>
        <v/>
      </c>
      <c r="T23" t="str">
        <f>IF(kep!S22="","",kep!S22)</f>
        <v/>
      </c>
      <c r="U23" t="str">
        <f>IF(kep!T22="","",kep!T22)</f>
        <v/>
      </c>
      <c r="V23" t="str">
        <f>IF(kep!U22="","",kep!U22)</f>
        <v/>
      </c>
      <c r="W23" t="str">
        <f>IF(kep!V22="","",kep!V22)</f>
        <v/>
      </c>
      <c r="X23" t="str">
        <f>IF(kep!W22="","",kep!W22)</f>
        <v/>
      </c>
      <c r="Y23" t="str">
        <f>IF(kep!X22="","",kep!X22)</f>
        <v/>
      </c>
      <c r="Z23" t="str">
        <f>IF(kep!Y22="","",kep!Y22)</f>
        <v/>
      </c>
      <c r="AA23" t="str">
        <f>IF(kep!Z22="","",kep!Z22)</f>
        <v/>
      </c>
      <c r="AB23" t="str">
        <f>IF(kep!AA22="","",kep!AA22)</f>
        <v/>
      </c>
      <c r="AC23" t="str">
        <f>IF(kep!AB22="","",kep!AB22)</f>
        <v/>
      </c>
      <c r="AD23" t="str">
        <f>IF(kep!AC22="","",kep!AC22)</f>
        <v/>
      </c>
      <c r="AE23" t="str">
        <f>IF(kep!AD22="","",kep!AD22)</f>
        <v/>
      </c>
      <c r="AF23" t="str">
        <f>IF(kep!AE22="","",kep!AE22)</f>
        <v/>
      </c>
      <c r="AG23" t="str">
        <f>IF(kep!AF22="","",kep!AF22)</f>
        <v/>
      </c>
      <c r="AH23" t="str">
        <f>IF(kep!AG22="","",kep!AG22)</f>
        <v/>
      </c>
      <c r="AI23" t="str">
        <f>IF(kep!AH22="","",kep!AH22)</f>
        <v/>
      </c>
      <c r="AJ23" t="str">
        <f>IF(kep!AI22="","",kep!AI22)</f>
        <v/>
      </c>
      <c r="AK23" t="str">
        <f>IF(kep!AJ22="","",kep!AJ22)</f>
        <v/>
      </c>
      <c r="AL23" t="str">
        <f>IF(kep!AK22="","",kep!AK22)</f>
        <v/>
      </c>
      <c r="AM23" t="str">
        <f>IF(kep!AL22="","",kep!AL22)</f>
        <v/>
      </c>
      <c r="AN23" t="str">
        <f>IF(kep!AM22="","",kep!AM22)</f>
        <v/>
      </c>
      <c r="AO23" t="str">
        <f>IF(kep!AN22="","",kep!AN22)</f>
        <v/>
      </c>
      <c r="AP23" t="str">
        <f>IF(kep!AO22="","",kep!AO22)</f>
        <v/>
      </c>
      <c r="AQ23" t="str">
        <f>IF(kep!AP22="","",kep!AP22)</f>
        <v/>
      </c>
      <c r="AR23" t="str">
        <f>IF(kep!AQ22="","",kep!AQ22)</f>
        <v/>
      </c>
      <c r="AS23" t="str">
        <f>IF(kep!AR22="","",kep!AR22)</f>
        <v/>
      </c>
      <c r="AT23" t="str">
        <f>IF(kep!AS22="","",kep!AS22)</f>
        <v/>
      </c>
      <c r="AU23" t="str">
        <f>IF(kep!AT22="","",kep!AT22)</f>
        <v/>
      </c>
      <c r="AV23" t="str">
        <f>IF(kep!AU22="","",kep!AU22)</f>
        <v/>
      </c>
      <c r="AW23" t="str">
        <f>IF(kep!AV22="","",kep!AV22)</f>
        <v/>
      </c>
      <c r="AX23" t="str">
        <f>IF(kep!AW22="","",kep!AW22)</f>
        <v/>
      </c>
      <c r="AY23" t="str">
        <f>IF(kep!AX22="","",kep!AX22)</f>
        <v/>
      </c>
    </row>
    <row r="24" spans="2:51" x14ac:dyDescent="0.25">
      <c r="B24" t="str">
        <f>IF(kep!A23="","",kep!A23)</f>
        <v/>
      </c>
      <c r="C24" t="str">
        <f>IF(kep!B23="","",kep!B23)</f>
        <v/>
      </c>
      <c r="D24" t="str">
        <f>IF(kep!C23="","",kep!C23)</f>
        <v/>
      </c>
      <c r="E24" t="str">
        <f>IF(kep!D23="","",kep!D23)</f>
        <v/>
      </c>
      <c r="F24" t="str">
        <f>IF(kep!E23="","",kep!E23)</f>
        <v/>
      </c>
      <c r="G24" t="str">
        <f>IF(kep!F23="","",kep!F23)</f>
        <v/>
      </c>
      <c r="H24" t="str">
        <f>IF(kep!G23="","",kep!G23)</f>
        <v/>
      </c>
      <c r="I24" t="str">
        <f>IF(kep!H23="","",kep!H23)</f>
        <v/>
      </c>
      <c r="J24" t="str">
        <f>IF(kep!I23="","",kep!I23)</f>
        <v/>
      </c>
      <c r="K24" t="str">
        <f>IF(kep!J23="","",kep!J23)</f>
        <v/>
      </c>
      <c r="L24" t="str">
        <f>IF(kep!K23="","",kep!K23)</f>
        <v/>
      </c>
      <c r="M24" t="str">
        <f>IF(kep!L23="","",kep!L23)</f>
        <v/>
      </c>
      <c r="N24" t="str">
        <f>IF(kep!M23="","",kep!M23)</f>
        <v/>
      </c>
      <c r="O24" t="str">
        <f>IF(kep!N23="","",kep!N23)</f>
        <v/>
      </c>
      <c r="P24" t="str">
        <f>IF(kep!O23="","",kep!O23)</f>
        <v/>
      </c>
      <c r="Q24" t="str">
        <f>IF(kep!P23="","",kep!P23)</f>
        <v/>
      </c>
      <c r="R24" t="str">
        <f>IF(kep!Q23="","",kep!Q23)</f>
        <v/>
      </c>
      <c r="S24" t="str">
        <f>IF(kep!R23="","",kep!R23)</f>
        <v/>
      </c>
      <c r="T24" t="str">
        <f>IF(kep!S23="","",kep!S23)</f>
        <v/>
      </c>
      <c r="U24" t="str">
        <f>IF(kep!T23="","",kep!T23)</f>
        <v/>
      </c>
      <c r="V24" t="str">
        <f>IF(kep!U23="","",kep!U23)</f>
        <v/>
      </c>
      <c r="W24" t="str">
        <f>IF(kep!V23="","",kep!V23)</f>
        <v/>
      </c>
      <c r="X24" t="str">
        <f>IF(kep!W23="","",kep!W23)</f>
        <v/>
      </c>
      <c r="Y24" t="str">
        <f>IF(kep!X23="","",kep!X23)</f>
        <v/>
      </c>
      <c r="Z24" t="str">
        <f>IF(kep!Y23="","",kep!Y23)</f>
        <v/>
      </c>
      <c r="AA24" t="str">
        <f>IF(kep!Z23="","",kep!Z23)</f>
        <v/>
      </c>
      <c r="AB24" t="str">
        <f>IF(kep!AA23="","",kep!AA23)</f>
        <v/>
      </c>
      <c r="AC24" t="str">
        <f>IF(kep!AB23="","",kep!AB23)</f>
        <v/>
      </c>
      <c r="AD24" t="str">
        <f>IF(kep!AC23="","",kep!AC23)</f>
        <v/>
      </c>
      <c r="AE24" t="str">
        <f>IF(kep!AD23="","",kep!AD23)</f>
        <v/>
      </c>
      <c r="AF24" t="str">
        <f>IF(kep!AE23="","",kep!AE23)</f>
        <v/>
      </c>
      <c r="AG24" t="str">
        <f>IF(kep!AF23="","",kep!AF23)</f>
        <v/>
      </c>
      <c r="AH24" t="str">
        <f>IF(kep!AG23="","",kep!AG23)</f>
        <v/>
      </c>
      <c r="AI24" t="str">
        <f>IF(kep!AH23="","",kep!AH23)</f>
        <v/>
      </c>
      <c r="AJ24" t="str">
        <f>IF(kep!AI23="","",kep!AI23)</f>
        <v/>
      </c>
      <c r="AK24" t="str">
        <f>IF(kep!AJ23="","",kep!AJ23)</f>
        <v/>
      </c>
      <c r="AL24" t="str">
        <f>IF(kep!AK23="","",kep!AK23)</f>
        <v/>
      </c>
      <c r="AM24" t="str">
        <f>IF(kep!AL23="","",kep!AL23)</f>
        <v/>
      </c>
      <c r="AN24" t="str">
        <f>IF(kep!AM23="","",kep!AM23)</f>
        <v/>
      </c>
      <c r="AO24" t="str">
        <f>IF(kep!AN23="","",kep!AN23)</f>
        <v/>
      </c>
      <c r="AP24" t="str">
        <f>IF(kep!AO23="","",kep!AO23)</f>
        <v/>
      </c>
      <c r="AQ24" t="str">
        <f>IF(kep!AP23="","",kep!AP23)</f>
        <v/>
      </c>
      <c r="AR24" t="str">
        <f>IF(kep!AQ23="","",kep!AQ23)</f>
        <v/>
      </c>
      <c r="AS24" t="str">
        <f>IF(kep!AR23="","",kep!AR23)</f>
        <v/>
      </c>
      <c r="AT24" t="str">
        <f>IF(kep!AS23="","",kep!AS23)</f>
        <v/>
      </c>
      <c r="AU24" t="str">
        <f>IF(kep!AT23="","",kep!AT23)</f>
        <v/>
      </c>
      <c r="AV24" t="str">
        <f>IF(kep!AU23="","",kep!AU23)</f>
        <v/>
      </c>
      <c r="AW24" t="str">
        <f>IF(kep!AV23="","",kep!AV23)</f>
        <v/>
      </c>
      <c r="AX24" t="str">
        <f>IF(kep!AW23="","",kep!AW23)</f>
        <v/>
      </c>
      <c r="AY24" t="str">
        <f>IF(kep!AX23="","",kep!AX23)</f>
        <v/>
      </c>
    </row>
    <row r="25" spans="2:51" x14ac:dyDescent="0.25">
      <c r="B25" t="str">
        <f>IF(kep!A24="","",kep!A24)</f>
        <v/>
      </c>
      <c r="C25" t="str">
        <f>IF(kep!B24="","",kep!B24)</f>
        <v/>
      </c>
      <c r="D25" t="str">
        <f>IF(kep!C24="","",kep!C24)</f>
        <v/>
      </c>
      <c r="E25" t="str">
        <f>IF(kep!D24="","",kep!D24)</f>
        <v/>
      </c>
      <c r="F25" t="str">
        <f>IF(kep!E24="","",kep!E24)</f>
        <v/>
      </c>
      <c r="G25">
        <f>IF(kep!F24="","",kep!F24)</f>
        <v>4</v>
      </c>
      <c r="H25">
        <f>IF(kep!G24="","",kep!G24)</f>
        <v>4</v>
      </c>
      <c r="I25">
        <f>IF(kep!H24="","",kep!H24)</f>
        <v>4</v>
      </c>
      <c r="J25">
        <f>IF(kep!I24="","",kep!I24)</f>
        <v>4</v>
      </c>
      <c r="K25" t="str">
        <f>IF(kep!J24="","",kep!J24)</f>
        <v/>
      </c>
      <c r="L25" t="str">
        <f>IF(kep!K24="","",kep!K24)</f>
        <v/>
      </c>
      <c r="M25" t="str">
        <f>IF(kep!L24="","",kep!L24)</f>
        <v/>
      </c>
      <c r="N25" t="str">
        <f>IF(kep!M24="","",kep!M24)</f>
        <v/>
      </c>
      <c r="O25" t="str">
        <f>IF(kep!N24="","",kep!N24)</f>
        <v/>
      </c>
      <c r="P25" t="str">
        <f>IF(kep!O24="","",kep!O24)</f>
        <v/>
      </c>
      <c r="Q25" t="str">
        <f>IF(kep!P24="","",kep!P24)</f>
        <v/>
      </c>
      <c r="R25" t="str">
        <f>IF(kep!Q24="","",kep!Q24)</f>
        <v/>
      </c>
      <c r="S25" t="str">
        <f>IF(kep!R24="","",kep!R24)</f>
        <v/>
      </c>
      <c r="T25" t="str">
        <f>IF(kep!S24="","",kep!S24)</f>
        <v/>
      </c>
      <c r="U25" t="str">
        <f>IF(kep!T24="","",kep!T24)</f>
        <v/>
      </c>
      <c r="V25" t="str">
        <f>IF(kep!U24="","",kep!U24)</f>
        <v/>
      </c>
      <c r="W25" t="str">
        <f>IF(kep!V24="","",kep!V24)</f>
        <v/>
      </c>
      <c r="X25">
        <f>IF(kep!W24="","",kep!W24)</f>
        <v>8</v>
      </c>
      <c r="Y25">
        <f>IF(kep!X24="","",kep!X24)</f>
        <v>8</v>
      </c>
      <c r="Z25" t="str">
        <f>IF(kep!Y24="","",kep!Y24)</f>
        <v/>
      </c>
      <c r="AA25" t="str">
        <f>IF(kep!Z24="","",kep!Z24)</f>
        <v/>
      </c>
      <c r="AB25" t="str">
        <f>IF(kep!AA24="","",kep!AA24)</f>
        <v/>
      </c>
      <c r="AC25" t="str">
        <f>IF(kep!AB24="","",kep!AB24)</f>
        <v/>
      </c>
      <c r="AD25" t="str">
        <f>IF(kep!AC24="","",kep!AC24)</f>
        <v/>
      </c>
      <c r="AE25">
        <f>IF(kep!AD24="","",kep!AD24)</f>
        <v>14</v>
      </c>
      <c r="AF25">
        <f>IF(kep!AE24="","",kep!AE24)</f>
        <v>14</v>
      </c>
      <c r="AG25">
        <f>IF(kep!AF24="","",kep!AF24)</f>
        <v>14</v>
      </c>
      <c r="AH25">
        <f>IF(kep!AG24="","",kep!AG24)</f>
        <v>14</v>
      </c>
      <c r="AI25" t="str">
        <f>IF(kep!AH24="","",kep!AH24)</f>
        <v/>
      </c>
      <c r="AJ25" t="str">
        <f>IF(kep!AI24="","",kep!AI24)</f>
        <v/>
      </c>
      <c r="AK25" t="str">
        <f>IF(kep!AJ24="","",kep!AJ24)</f>
        <v/>
      </c>
      <c r="AL25" t="str">
        <f>IF(kep!AK24="","",kep!AK24)</f>
        <v/>
      </c>
      <c r="AM25">
        <f>IF(kep!AL24="","",kep!AL24)</f>
        <v>19</v>
      </c>
      <c r="AN25" t="str">
        <f>IF(kep!AM24="","",kep!AM24)</f>
        <v/>
      </c>
      <c r="AO25" t="str">
        <f>IF(kep!AN24="","",kep!AN24)</f>
        <v/>
      </c>
      <c r="AP25" t="str">
        <f>IF(kep!AO24="","",kep!AO24)</f>
        <v/>
      </c>
      <c r="AQ25" t="str">
        <f>IF(kep!AP24="","",kep!AP24)</f>
        <v/>
      </c>
      <c r="AR25" t="str">
        <f>IF(kep!AQ24="","",kep!AQ24)</f>
        <v/>
      </c>
      <c r="AS25" t="str">
        <f>IF(kep!AR24="","",kep!AR24)</f>
        <v/>
      </c>
      <c r="AT25" t="str">
        <f>IF(kep!AS24="","",kep!AS24)</f>
        <v/>
      </c>
      <c r="AU25" t="str">
        <f>IF(kep!AT24="","",kep!AT24)</f>
        <v/>
      </c>
      <c r="AV25" t="str">
        <f>IF(kep!AU24="","",kep!AU24)</f>
        <v/>
      </c>
      <c r="AW25" t="str">
        <f>IF(kep!AV24="","",kep!AV24)</f>
        <v/>
      </c>
      <c r="AX25" t="str">
        <f>IF(kep!AW24="","",kep!AW24)</f>
        <v/>
      </c>
      <c r="AY25" t="str">
        <f>IF(kep!AX24="","",kep!AX24)</f>
        <v/>
      </c>
    </row>
    <row r="26" spans="2:51" x14ac:dyDescent="0.25">
      <c r="B26" t="str">
        <f>IF(kep!A25="","",kep!A25)</f>
        <v/>
      </c>
      <c r="C26" t="str">
        <f>IF(kep!B25="","",kep!B25)</f>
        <v/>
      </c>
      <c r="D26" t="str">
        <f>IF(kep!C25="","",kep!C25)</f>
        <v/>
      </c>
      <c r="E26" t="str">
        <f>IF(kep!D25="","",kep!D25)</f>
        <v/>
      </c>
      <c r="F26" t="str">
        <f>IF(kep!E25="","",kep!E25)</f>
        <v/>
      </c>
      <c r="G26" t="str">
        <f>IF(kep!F25="","",kep!F25)</f>
        <v/>
      </c>
      <c r="H26">
        <f>IF(kep!G25="","",kep!G25)</f>
        <v>4</v>
      </c>
      <c r="I26">
        <f>IF(kep!H25="","",kep!H25)</f>
        <v>4</v>
      </c>
      <c r="J26">
        <f>IF(kep!I25="","",kep!I25)</f>
        <v>4</v>
      </c>
      <c r="K26" t="str">
        <f>IF(kep!J25="","",kep!J25)</f>
        <v/>
      </c>
      <c r="L26" t="str">
        <f>IF(kep!K25="","",kep!K25)</f>
        <v/>
      </c>
      <c r="M26" t="str">
        <f>IF(kep!L25="","",kep!L25)</f>
        <v/>
      </c>
      <c r="N26" t="str">
        <f>IF(kep!M25="","",kep!M25)</f>
        <v/>
      </c>
      <c r="O26" t="str">
        <f>IF(kep!N25="","",kep!N25)</f>
        <v/>
      </c>
      <c r="P26" t="str">
        <f>IF(kep!O25="","",kep!O25)</f>
        <v/>
      </c>
      <c r="Q26" t="str">
        <f>IF(kep!P25="","",kep!P25)</f>
        <v/>
      </c>
      <c r="R26" t="str">
        <f>IF(kep!Q25="","",kep!Q25)</f>
        <v/>
      </c>
      <c r="S26" t="str">
        <f>IF(kep!R25="","",kep!R25)</f>
        <v/>
      </c>
      <c r="T26" t="str">
        <f>IF(kep!S25="","",kep!S25)</f>
        <v/>
      </c>
      <c r="U26" t="str">
        <f>IF(kep!T25="","",kep!T25)</f>
        <v/>
      </c>
      <c r="V26" t="str">
        <f>IF(kep!U25="","",kep!U25)</f>
        <v/>
      </c>
      <c r="W26" t="str">
        <f>IF(kep!V25="","",kep!V25)</f>
        <v/>
      </c>
      <c r="X26">
        <f>IF(kep!W25="","",kep!W25)</f>
        <v>8</v>
      </c>
      <c r="Y26">
        <f>IF(kep!X25="","",kep!X25)</f>
        <v>8</v>
      </c>
      <c r="Z26" t="str">
        <f>IF(kep!Y25="","",kep!Y25)</f>
        <v/>
      </c>
      <c r="AA26" t="str">
        <f>IF(kep!Z25="","",kep!Z25)</f>
        <v/>
      </c>
      <c r="AB26" t="str">
        <f>IF(kep!AA25="","",kep!AA25)</f>
        <v/>
      </c>
      <c r="AC26" t="str">
        <f>IF(kep!AB25="","",kep!AB25)</f>
        <v/>
      </c>
      <c r="AD26">
        <f>IF(kep!AC25="","",kep!AC25)</f>
        <v>14</v>
      </c>
      <c r="AE26">
        <f>IF(kep!AD25="","",kep!AD25)</f>
        <v>14</v>
      </c>
      <c r="AF26" t="str">
        <f>IF(kep!AE25="","",kep!AE25)</f>
        <v/>
      </c>
      <c r="AG26">
        <f>IF(kep!AF25="","",kep!AF25)</f>
        <v>14</v>
      </c>
      <c r="AH26" t="str">
        <f>IF(kep!AG25="","",kep!AG25)</f>
        <v/>
      </c>
      <c r="AI26" t="str">
        <f>IF(kep!AH25="","",kep!AH25)</f>
        <v/>
      </c>
      <c r="AJ26" t="str">
        <f>IF(kep!AI25="","",kep!AI25)</f>
        <v/>
      </c>
      <c r="AK26" t="str">
        <f>IF(kep!AJ25="","",kep!AJ25)</f>
        <v/>
      </c>
      <c r="AL26">
        <f>IF(kep!AK25="","",kep!AK25)</f>
        <v>19</v>
      </c>
      <c r="AM26">
        <f>IF(kep!AL25="","",kep!AL25)</f>
        <v>19</v>
      </c>
      <c r="AN26">
        <f>IF(kep!AM25="","",kep!AM25)</f>
        <v>19</v>
      </c>
      <c r="AO26" t="str">
        <f>IF(kep!AN25="","",kep!AN25)</f>
        <v/>
      </c>
      <c r="AP26" t="str">
        <f>IF(kep!AO25="","",kep!AO25)</f>
        <v/>
      </c>
      <c r="AQ26" t="str">
        <f>IF(kep!AP25="","",kep!AP25)</f>
        <v/>
      </c>
      <c r="AR26" t="str">
        <f>IF(kep!AQ25="","",kep!AQ25)</f>
        <v/>
      </c>
      <c r="AS26" t="str">
        <f>IF(kep!AR25="","",kep!AR25)</f>
        <v/>
      </c>
      <c r="AT26" t="str">
        <f>IF(kep!AS25="","",kep!AS25)</f>
        <v/>
      </c>
      <c r="AU26" t="str">
        <f>IF(kep!AT25="","",kep!AT25)</f>
        <v/>
      </c>
      <c r="AV26" t="str">
        <f>IF(kep!AU25="","",kep!AU25)</f>
        <v/>
      </c>
      <c r="AW26" t="str">
        <f>IF(kep!AV25="","",kep!AV25)</f>
        <v/>
      </c>
      <c r="AX26" t="str">
        <f>IF(kep!AW25="","",kep!AW25)</f>
        <v/>
      </c>
      <c r="AY26" t="str">
        <f>IF(kep!AX25="","",kep!AX25)</f>
        <v/>
      </c>
    </row>
    <row r="27" spans="2:51" x14ac:dyDescent="0.25">
      <c r="B27" t="str">
        <f>IF(kep!A26="","",kep!A26)</f>
        <v/>
      </c>
      <c r="C27" t="str">
        <f>IF(kep!B26="","",kep!B26)</f>
        <v/>
      </c>
      <c r="D27" t="str">
        <f>IF(kep!C26="","",kep!C26)</f>
        <v/>
      </c>
      <c r="E27" t="str">
        <f>IF(kep!D26="","",kep!D26)</f>
        <v/>
      </c>
      <c r="F27" t="str">
        <f>IF(kep!E26="","",kep!E26)</f>
        <v/>
      </c>
      <c r="G27">
        <f>IF(kep!F26="","",kep!F26)</f>
        <v>1</v>
      </c>
      <c r="H27">
        <f>IF(kep!G26="","",kep!G26)</f>
        <v>1</v>
      </c>
      <c r="I27">
        <f>IF(kep!H26="","",kep!H26)</f>
        <v>4</v>
      </c>
      <c r="J27" t="str">
        <f>IF(kep!I26="","",kep!I26)</f>
        <v/>
      </c>
      <c r="K27" t="str">
        <f>IF(kep!J26="","",kep!J26)</f>
        <v/>
      </c>
      <c r="L27" t="str">
        <f>IF(kep!K26="","",kep!K26)</f>
        <v/>
      </c>
      <c r="M27" t="str">
        <f>IF(kep!L26="","",kep!L26)</f>
        <v/>
      </c>
      <c r="N27" t="str">
        <f>IF(kep!M26="","",kep!M26)</f>
        <v/>
      </c>
      <c r="O27" t="str">
        <f>IF(kep!N26="","",kep!N26)</f>
        <v/>
      </c>
      <c r="P27" t="str">
        <f>IF(kep!O26="","",kep!O26)</f>
        <v/>
      </c>
      <c r="Q27" t="str">
        <f>IF(kep!P26="","",kep!P26)</f>
        <v/>
      </c>
      <c r="R27" t="str">
        <f>IF(kep!Q26="","",kep!Q26)</f>
        <v/>
      </c>
      <c r="S27" t="str">
        <f>IF(kep!R26="","",kep!R26)</f>
        <v/>
      </c>
      <c r="T27" t="str">
        <f>IF(kep!S26="","",kep!S26)</f>
        <v/>
      </c>
      <c r="U27" t="str">
        <f>IF(kep!T26="","",kep!T26)</f>
        <v/>
      </c>
      <c r="V27" t="str">
        <f>IF(kep!U26="","",kep!U26)</f>
        <v/>
      </c>
      <c r="W27" t="str">
        <f>IF(kep!V26="","",kep!V26)</f>
        <v/>
      </c>
      <c r="X27">
        <f>IF(kep!W26="","",kep!W26)</f>
        <v>8</v>
      </c>
      <c r="Y27">
        <f>IF(kep!X26="","",kep!X26)</f>
        <v>8</v>
      </c>
      <c r="Z27">
        <f>IF(kep!Y26="","",kep!Y26)</f>
        <v>8</v>
      </c>
      <c r="AA27" t="str">
        <f>IF(kep!Z26="","",kep!Z26)</f>
        <v/>
      </c>
      <c r="AB27" t="str">
        <f>IF(kep!AA26="","",kep!AA26)</f>
        <v/>
      </c>
      <c r="AC27" t="str">
        <f>IF(kep!AB26="","",kep!AB26)</f>
        <v/>
      </c>
      <c r="AD27">
        <f>IF(kep!AC26="","",kep!AC26)</f>
        <v>14</v>
      </c>
      <c r="AE27" t="str">
        <f>IF(kep!AD26="","",kep!AD26)</f>
        <v/>
      </c>
      <c r="AF27">
        <f>IF(kep!AE26="","",kep!AE26)</f>
        <v>14</v>
      </c>
      <c r="AG27">
        <f>IF(kep!AF26="","",kep!AF26)</f>
        <v>14</v>
      </c>
      <c r="AH27">
        <f>IF(kep!AG26="","",kep!AG26)</f>
        <v>14</v>
      </c>
      <c r="AI27" t="str">
        <f>IF(kep!AH26="","",kep!AH26)</f>
        <v/>
      </c>
      <c r="AJ27" t="str">
        <f>IF(kep!AI26="","",kep!AI26)</f>
        <v/>
      </c>
      <c r="AK27" t="str">
        <f>IF(kep!AJ26="","",kep!AJ26)</f>
        <v/>
      </c>
      <c r="AL27" t="str">
        <f>IF(kep!AK26="","",kep!AK26)</f>
        <v/>
      </c>
      <c r="AM27">
        <f>IF(kep!AL26="","",kep!AL26)</f>
        <v>19</v>
      </c>
      <c r="AN27" t="str">
        <f>IF(kep!AM26="","",kep!AM26)</f>
        <v/>
      </c>
      <c r="AO27" t="str">
        <f>IF(kep!AN26="","",kep!AN26)</f>
        <v/>
      </c>
      <c r="AP27" t="str">
        <f>IF(kep!AO26="","",kep!AO26)</f>
        <v/>
      </c>
      <c r="AQ27" t="str">
        <f>IF(kep!AP26="","",kep!AP26)</f>
        <v/>
      </c>
      <c r="AR27" t="str">
        <f>IF(kep!AQ26="","",kep!AQ26)</f>
        <v/>
      </c>
      <c r="AS27" t="str">
        <f>IF(kep!AR26="","",kep!AR26)</f>
        <v/>
      </c>
      <c r="AT27" t="str">
        <f>IF(kep!AS26="","",kep!AS26)</f>
        <v/>
      </c>
      <c r="AU27" t="str">
        <f>IF(kep!AT26="","",kep!AT26)</f>
        <v/>
      </c>
      <c r="AV27" t="str">
        <f>IF(kep!AU26="","",kep!AU26)</f>
        <v/>
      </c>
      <c r="AW27" t="str">
        <f>IF(kep!AV26="","",kep!AV26)</f>
        <v/>
      </c>
      <c r="AX27" t="str">
        <f>IF(kep!AW26="","",kep!AW26)</f>
        <v/>
      </c>
      <c r="AY27" t="str">
        <f>IF(kep!AX26="","",kep!AX26)</f>
        <v/>
      </c>
    </row>
    <row r="28" spans="2:51" x14ac:dyDescent="0.25">
      <c r="B28" t="str">
        <f>IF(kep!A27="","",kep!A27)</f>
        <v/>
      </c>
      <c r="C28" t="str">
        <f>IF(kep!B27="","",kep!B27)</f>
        <v/>
      </c>
      <c r="D28" t="str">
        <f>IF(kep!C27="","",kep!C27)</f>
        <v/>
      </c>
      <c r="E28">
        <f>IF(kep!D27="","",kep!D27)</f>
        <v>1</v>
      </c>
      <c r="F28">
        <f>IF(kep!E27="","",kep!E27)</f>
        <v>1</v>
      </c>
      <c r="G28">
        <f>IF(kep!F27="","",kep!F27)</f>
        <v>1</v>
      </c>
      <c r="H28">
        <f>IF(kep!G27="","",kep!G27)</f>
        <v>1</v>
      </c>
      <c r="I28">
        <f>IF(kep!H27="","",kep!H27)</f>
        <v>4</v>
      </c>
      <c r="J28" t="str">
        <f>IF(kep!I27="","",kep!I27)</f>
        <v/>
      </c>
      <c r="K28" t="str">
        <f>IF(kep!J27="","",kep!J27)</f>
        <v/>
      </c>
      <c r="L28" t="str">
        <f>IF(kep!K27="","",kep!K27)</f>
        <v/>
      </c>
      <c r="M28" t="str">
        <f>IF(kep!L27="","",kep!L27)</f>
        <v/>
      </c>
      <c r="N28" t="str">
        <f>IF(kep!M27="","",kep!M27)</f>
        <v/>
      </c>
      <c r="O28" t="str">
        <f>IF(kep!N27="","",kep!N27)</f>
        <v/>
      </c>
      <c r="P28" t="str">
        <f>IF(kep!O27="","",kep!O27)</f>
        <v/>
      </c>
      <c r="Q28" t="str">
        <f>IF(kep!P27="","",kep!P27)</f>
        <v/>
      </c>
      <c r="R28" t="str">
        <f>IF(kep!Q27="","",kep!Q27)</f>
        <v/>
      </c>
      <c r="S28" t="str">
        <f>IF(kep!R27="","",kep!R27)</f>
        <v/>
      </c>
      <c r="T28" t="str">
        <f>IF(kep!S27="","",kep!S27)</f>
        <v/>
      </c>
      <c r="U28" t="str">
        <f>IF(kep!T27="","",kep!T27)</f>
        <v/>
      </c>
      <c r="V28" t="str">
        <f>IF(kep!U27="","",kep!U27)</f>
        <v/>
      </c>
      <c r="W28">
        <f>IF(kep!V27="","",kep!V27)</f>
        <v>8</v>
      </c>
      <c r="X28">
        <f>IF(kep!W27="","",kep!W27)</f>
        <v>8</v>
      </c>
      <c r="Y28">
        <f>IF(kep!X27="","",kep!X27)</f>
        <v>8</v>
      </c>
      <c r="Z28">
        <f>IF(kep!Y27="","",kep!Y27)</f>
        <v>8</v>
      </c>
      <c r="AA28" t="str">
        <f>IF(kep!Z27="","",kep!Z27)</f>
        <v/>
      </c>
      <c r="AB28" t="str">
        <f>IF(kep!AA27="","",kep!AA27)</f>
        <v/>
      </c>
      <c r="AC28" t="str">
        <f>IF(kep!AB27="","",kep!AB27)</f>
        <v/>
      </c>
      <c r="AD28" t="str">
        <f>IF(kep!AC27="","",kep!AC27)</f>
        <v/>
      </c>
      <c r="AE28">
        <f>IF(kep!AD27="","",kep!AD27)</f>
        <v>14</v>
      </c>
      <c r="AF28" t="str">
        <f>IF(kep!AE27="","",kep!AE27)</f>
        <v/>
      </c>
      <c r="AG28">
        <f>IF(kep!AF27="","",kep!AF27)</f>
        <v>14</v>
      </c>
      <c r="AH28" t="str">
        <f>IF(kep!AG27="","",kep!AG27)</f>
        <v/>
      </c>
      <c r="AI28" t="str">
        <f>IF(kep!AH27="","",kep!AH27)</f>
        <v/>
      </c>
      <c r="AJ28" t="str">
        <f>IF(kep!AI27="","",kep!AI27)</f>
        <v/>
      </c>
      <c r="AK28" t="str">
        <f>IF(kep!AJ27="","",kep!AJ27)</f>
        <v/>
      </c>
      <c r="AL28" t="str">
        <f>IF(kep!AK27="","",kep!AK27)</f>
        <v/>
      </c>
      <c r="AM28" t="str">
        <f>IF(kep!AL27="","",kep!AL27)</f>
        <v/>
      </c>
      <c r="AN28" t="str">
        <f>IF(kep!AM27="","",kep!AM27)</f>
        <v/>
      </c>
      <c r="AO28" t="str">
        <f>IF(kep!AN27="","",kep!AN27)</f>
        <v/>
      </c>
      <c r="AP28" t="str">
        <f>IF(kep!AO27="","",kep!AO27)</f>
        <v/>
      </c>
      <c r="AQ28" t="str">
        <f>IF(kep!AP27="","",kep!AP27)</f>
        <v/>
      </c>
      <c r="AR28" t="str">
        <f>IF(kep!AQ27="","",kep!AQ27)</f>
        <v/>
      </c>
      <c r="AS28" t="str">
        <f>IF(kep!AR27="","",kep!AR27)</f>
        <v/>
      </c>
      <c r="AT28" t="str">
        <f>IF(kep!AS27="","",kep!AS27)</f>
        <v/>
      </c>
      <c r="AU28" t="str">
        <f>IF(kep!AT27="","",kep!AT27)</f>
        <v/>
      </c>
      <c r="AV28" t="str">
        <f>IF(kep!AU27="","",kep!AU27)</f>
        <v/>
      </c>
      <c r="AW28" t="str">
        <f>IF(kep!AV27="","",kep!AV27)</f>
        <v/>
      </c>
      <c r="AX28" t="str">
        <f>IF(kep!AW27="","",kep!AW27)</f>
        <v/>
      </c>
      <c r="AY28" t="str">
        <f>IF(kep!AX27="","",kep!AX27)</f>
        <v/>
      </c>
    </row>
    <row r="29" spans="2:51" x14ac:dyDescent="0.25">
      <c r="B29" t="str">
        <f>IF(kep!A28="","",kep!A28)</f>
        <v/>
      </c>
      <c r="C29" t="str">
        <f>IF(kep!B28="","",kep!B28)</f>
        <v/>
      </c>
      <c r="D29" t="str">
        <f>IF(kep!C28="","",kep!C28)</f>
        <v/>
      </c>
      <c r="E29" t="str">
        <f>IF(kep!D28="","",kep!D28)</f>
        <v/>
      </c>
      <c r="F29" t="str">
        <f>IF(kep!E28="","",kep!E28)</f>
        <v/>
      </c>
      <c r="G29">
        <f>IF(kep!F28="","",kep!F28)</f>
        <v>1</v>
      </c>
      <c r="H29">
        <f>IF(kep!G28="","",kep!G28)</f>
        <v>1</v>
      </c>
      <c r="I29" t="str">
        <f>IF(kep!H28="","",kep!H28)</f>
        <v/>
      </c>
      <c r="J29" t="str">
        <f>IF(kep!I28="","",kep!I28)</f>
        <v/>
      </c>
      <c r="K29" t="str">
        <f>IF(kep!J28="","",kep!J28)</f>
        <v/>
      </c>
      <c r="L29" t="str">
        <f>IF(kep!K28="","",kep!K28)</f>
        <v/>
      </c>
      <c r="M29" t="str">
        <f>IF(kep!L28="","",kep!L28)</f>
        <v/>
      </c>
      <c r="N29" t="str">
        <f>IF(kep!M28="","",kep!M28)</f>
        <v/>
      </c>
      <c r="O29" t="str">
        <f>IF(kep!N28="","",kep!N28)</f>
        <v/>
      </c>
      <c r="P29" t="str">
        <f>IF(kep!O28="","",kep!O28)</f>
        <v/>
      </c>
      <c r="Q29" t="str">
        <f>IF(kep!P28="","",kep!P28)</f>
        <v/>
      </c>
      <c r="R29" t="str">
        <f>IF(kep!Q28="","",kep!Q28)</f>
        <v/>
      </c>
      <c r="S29" t="str">
        <f>IF(kep!R28="","",kep!R28)</f>
        <v/>
      </c>
      <c r="T29" t="str">
        <f>IF(kep!S28="","",kep!S28)</f>
        <v/>
      </c>
      <c r="U29" t="str">
        <f>IF(kep!T28="","",kep!T28)</f>
        <v/>
      </c>
      <c r="V29" t="str">
        <f>IF(kep!U28="","",kep!U28)</f>
        <v/>
      </c>
      <c r="W29">
        <f>IF(kep!V28="","",kep!V28)</f>
        <v>8</v>
      </c>
      <c r="X29" t="str">
        <f>IF(kep!W28="","",kep!W28)</f>
        <v/>
      </c>
      <c r="Y29">
        <f>IF(kep!X28="","",kep!X28)</f>
        <v>8</v>
      </c>
      <c r="Z29">
        <f>IF(kep!Y28="","",kep!Y28)</f>
        <v>8</v>
      </c>
      <c r="AA29" t="str">
        <f>IF(kep!Z28="","",kep!Z28)</f>
        <v/>
      </c>
      <c r="AB29" t="str">
        <f>IF(kep!AA28="","",kep!AA28)</f>
        <v/>
      </c>
      <c r="AC29" t="str">
        <f>IF(kep!AB28="","",kep!AB28)</f>
        <v/>
      </c>
      <c r="AD29" t="str">
        <f>IF(kep!AC28="","",kep!AC28)</f>
        <v/>
      </c>
      <c r="AE29">
        <f>IF(kep!AD28="","",kep!AD28)</f>
        <v>14</v>
      </c>
      <c r="AF29">
        <f>IF(kep!AE28="","",kep!AE28)</f>
        <v>14</v>
      </c>
      <c r="AG29">
        <f>IF(kep!AF28="","",kep!AF28)</f>
        <v>14</v>
      </c>
      <c r="AH29">
        <f>IF(kep!AG28="","",kep!AG28)</f>
        <v>14</v>
      </c>
      <c r="AI29" t="str">
        <f>IF(kep!AH28="","",kep!AH28)</f>
        <v/>
      </c>
      <c r="AJ29" t="str">
        <f>IF(kep!AI28="","",kep!AI28)</f>
        <v/>
      </c>
      <c r="AK29" t="str">
        <f>IF(kep!AJ28="","",kep!AJ28)</f>
        <v/>
      </c>
      <c r="AL29" t="str">
        <f>IF(kep!AK28="","",kep!AK28)</f>
        <v/>
      </c>
      <c r="AM29" t="str">
        <f>IF(kep!AL28="","",kep!AL28)</f>
        <v/>
      </c>
      <c r="AN29" t="str">
        <f>IF(kep!AM28="","",kep!AM28)</f>
        <v/>
      </c>
      <c r="AO29" t="str">
        <f>IF(kep!AN28="","",kep!AN28)</f>
        <v/>
      </c>
      <c r="AP29" t="str">
        <f>IF(kep!AO28="","",kep!AO28)</f>
        <v/>
      </c>
      <c r="AQ29" t="str">
        <f>IF(kep!AP28="","",kep!AP28)</f>
        <v/>
      </c>
      <c r="AR29" t="str">
        <f>IF(kep!AQ28="","",kep!AQ28)</f>
        <v/>
      </c>
      <c r="AS29" t="str">
        <f>IF(kep!AR28="","",kep!AR28)</f>
        <v/>
      </c>
      <c r="AT29" t="str">
        <f>IF(kep!AS28="","",kep!AS28)</f>
        <v/>
      </c>
      <c r="AU29" t="str">
        <f>IF(kep!AT28="","",kep!AT28)</f>
        <v/>
      </c>
      <c r="AV29" t="str">
        <f>IF(kep!AU28="","",kep!AU28)</f>
        <v/>
      </c>
      <c r="AW29" t="str">
        <f>IF(kep!AV28="","",kep!AV28)</f>
        <v/>
      </c>
      <c r="AX29" t="str">
        <f>IF(kep!AW28="","",kep!AW28)</f>
        <v/>
      </c>
      <c r="AY29" t="str">
        <f>IF(kep!AX28="","",kep!AX28)</f>
        <v/>
      </c>
    </row>
    <row r="30" spans="2:51" x14ac:dyDescent="0.25">
      <c r="B30" t="str">
        <f>IF(kep!A29="","",kep!A29)</f>
        <v/>
      </c>
      <c r="C30" t="str">
        <f>IF(kep!B29="","",kep!B29)</f>
        <v/>
      </c>
      <c r="D30" t="str">
        <f>IF(kep!C29="","",kep!C29)</f>
        <v/>
      </c>
      <c r="E30" t="str">
        <f>IF(kep!D29="","",kep!D29)</f>
        <v/>
      </c>
      <c r="F30" t="str">
        <f>IF(kep!E29="","",kep!E29)</f>
        <v/>
      </c>
      <c r="G30" t="str">
        <f>IF(kep!F29="","",kep!F29)</f>
        <v/>
      </c>
      <c r="H30" t="str">
        <f>IF(kep!G29="","",kep!G29)</f>
        <v/>
      </c>
      <c r="I30" t="str">
        <f>IF(kep!H29="","",kep!H29)</f>
        <v/>
      </c>
      <c r="J30" t="str">
        <f>IF(kep!I29="","",kep!I29)</f>
        <v/>
      </c>
      <c r="K30" t="str">
        <f>IF(kep!J29="","",kep!J29)</f>
        <v/>
      </c>
      <c r="L30" t="str">
        <f>IF(kep!K29="","",kep!K29)</f>
        <v/>
      </c>
      <c r="M30" t="str">
        <f>IF(kep!L29="","",kep!L29)</f>
        <v/>
      </c>
      <c r="N30" t="str">
        <f>IF(kep!M29="","",kep!M29)</f>
        <v/>
      </c>
      <c r="O30" t="str">
        <f>IF(kep!N29="","",kep!N29)</f>
        <v/>
      </c>
      <c r="P30" t="str">
        <f>IF(kep!O29="","",kep!O29)</f>
        <v/>
      </c>
      <c r="Q30" t="str">
        <f>IF(kep!P29="","",kep!P29)</f>
        <v/>
      </c>
      <c r="R30" t="str">
        <f>IF(kep!Q29="","",kep!Q29)</f>
        <v/>
      </c>
      <c r="S30" t="str">
        <f>IF(kep!R29="","",kep!R29)</f>
        <v/>
      </c>
      <c r="T30" t="str">
        <f>IF(kep!S29="","",kep!S29)</f>
        <v/>
      </c>
      <c r="U30" t="str">
        <f>IF(kep!T29="","",kep!T29)</f>
        <v/>
      </c>
      <c r="V30" t="str">
        <f>IF(kep!U29="","",kep!U29)</f>
        <v/>
      </c>
      <c r="W30">
        <f>IF(kep!V29="","",kep!V29)</f>
        <v>8</v>
      </c>
      <c r="X30" t="str">
        <f>IF(kep!W29="","",kep!W29)</f>
        <v/>
      </c>
      <c r="Y30">
        <f>IF(kep!X29="","",kep!X29)</f>
        <v>8</v>
      </c>
      <c r="Z30" t="str">
        <f>IF(kep!Y29="","",kep!Y29)</f>
        <v/>
      </c>
      <c r="AA30" t="str">
        <f>IF(kep!Z29="","",kep!Z29)</f>
        <v/>
      </c>
      <c r="AB30" t="str">
        <f>IF(kep!AA29="","",kep!AA29)</f>
        <v/>
      </c>
      <c r="AC30" t="str">
        <f>IF(kep!AB29="","",kep!AB29)</f>
        <v/>
      </c>
      <c r="AD30" t="str">
        <f>IF(kep!AC29="","",kep!AC29)</f>
        <v/>
      </c>
      <c r="AE30">
        <f>IF(kep!AD29="","",kep!AD29)</f>
        <v>14</v>
      </c>
      <c r="AF30" t="str">
        <f>IF(kep!AE29="","",kep!AE29)</f>
        <v/>
      </c>
      <c r="AG30">
        <f>IF(kep!AF29="","",kep!AF29)</f>
        <v>14</v>
      </c>
      <c r="AH30" t="str">
        <f>IF(kep!AG29="","",kep!AG29)</f>
        <v/>
      </c>
      <c r="AI30" t="str">
        <f>IF(kep!AH29="","",kep!AH29)</f>
        <v/>
      </c>
      <c r="AJ30" t="str">
        <f>IF(kep!AI29="","",kep!AI29)</f>
        <v/>
      </c>
      <c r="AK30" t="str">
        <f>IF(kep!AJ29="","",kep!AJ29)</f>
        <v/>
      </c>
      <c r="AL30" t="str">
        <f>IF(kep!AK29="","",kep!AK29)</f>
        <v/>
      </c>
      <c r="AM30" t="str">
        <f>IF(kep!AL29="","",kep!AL29)</f>
        <v/>
      </c>
      <c r="AN30" t="str">
        <f>IF(kep!AM29="","",kep!AM29)</f>
        <v/>
      </c>
      <c r="AO30" t="str">
        <f>IF(kep!AN29="","",kep!AN29)</f>
        <v/>
      </c>
      <c r="AP30" t="str">
        <f>IF(kep!AO29="","",kep!AO29)</f>
        <v/>
      </c>
      <c r="AQ30" t="str">
        <f>IF(kep!AP29="","",kep!AP29)</f>
        <v/>
      </c>
      <c r="AR30" t="str">
        <f>IF(kep!AQ29="","",kep!AQ29)</f>
        <v/>
      </c>
      <c r="AS30" t="str">
        <f>IF(kep!AR29="","",kep!AR29)</f>
        <v/>
      </c>
      <c r="AT30" t="str">
        <f>IF(kep!AS29="","",kep!AS29)</f>
        <v/>
      </c>
      <c r="AU30" t="str">
        <f>IF(kep!AT29="","",kep!AT29)</f>
        <v/>
      </c>
      <c r="AV30" t="str">
        <f>IF(kep!AU29="","",kep!AU29)</f>
        <v/>
      </c>
      <c r="AW30" t="str">
        <f>IF(kep!AV29="","",kep!AV29)</f>
        <v/>
      </c>
      <c r="AX30" t="str">
        <f>IF(kep!AW29="","",kep!AW29)</f>
        <v/>
      </c>
      <c r="AY30" t="str">
        <f>IF(kep!AX29="","",kep!AX29)</f>
        <v/>
      </c>
    </row>
    <row r="31" spans="2:51" x14ac:dyDescent="0.25">
      <c r="B31" t="str">
        <f>IF(kep!A30="","",kep!A30)</f>
        <v/>
      </c>
      <c r="C31" t="str">
        <f>IF(kep!B30="","",kep!B30)</f>
        <v/>
      </c>
      <c r="D31" t="str">
        <f>IF(kep!C30="","",kep!C30)</f>
        <v/>
      </c>
      <c r="E31" t="str">
        <f>IF(kep!D30="","",kep!D30)</f>
        <v/>
      </c>
      <c r="F31" t="str">
        <f>IF(kep!E30="","",kep!E30)</f>
        <v/>
      </c>
      <c r="G31" t="str">
        <f>IF(kep!F30="","",kep!F30)</f>
        <v/>
      </c>
      <c r="H31" t="str">
        <f>IF(kep!G30="","",kep!G30)</f>
        <v/>
      </c>
      <c r="I31" t="str">
        <f>IF(kep!H30="","",kep!H30)</f>
        <v/>
      </c>
      <c r="J31" t="str">
        <f>IF(kep!I30="","",kep!I30)</f>
        <v/>
      </c>
      <c r="K31" t="str">
        <f>IF(kep!J30="","",kep!J30)</f>
        <v/>
      </c>
      <c r="L31" t="str">
        <f>IF(kep!K30="","",kep!K30)</f>
        <v/>
      </c>
      <c r="M31" t="str">
        <f>IF(kep!L30="","",kep!L30)</f>
        <v/>
      </c>
      <c r="N31" t="str">
        <f>IF(kep!M30="","",kep!M30)</f>
        <v/>
      </c>
      <c r="O31" t="str">
        <f>IF(kep!N30="","",kep!N30)</f>
        <v/>
      </c>
      <c r="P31" t="str">
        <f>IF(kep!O30="","",kep!O30)</f>
        <v/>
      </c>
      <c r="Q31" t="str">
        <f>IF(kep!P30="","",kep!P30)</f>
        <v/>
      </c>
      <c r="R31" t="str">
        <f>IF(kep!Q30="","",kep!Q30)</f>
        <v/>
      </c>
      <c r="S31" t="str">
        <f>IF(kep!R30="","",kep!R30)</f>
        <v/>
      </c>
      <c r="T31" t="str">
        <f>IF(kep!S30="","",kep!S30)</f>
        <v/>
      </c>
      <c r="U31" t="str">
        <f>IF(kep!T30="","",kep!T30)</f>
        <v/>
      </c>
      <c r="V31">
        <f>IF(kep!U30="","",kep!U30)</f>
        <v>8</v>
      </c>
      <c r="W31">
        <f>IF(kep!V30="","",kep!V30)</f>
        <v>8</v>
      </c>
      <c r="X31">
        <f>IF(kep!W30="","",kep!W30)</f>
        <v>8</v>
      </c>
      <c r="Y31">
        <f>IF(kep!X30="","",kep!X30)</f>
        <v>8</v>
      </c>
      <c r="Z31" t="str">
        <f>IF(kep!Y30="","",kep!Y30)</f>
        <v/>
      </c>
      <c r="AA31" t="str">
        <f>IF(kep!Z30="","",kep!Z30)</f>
        <v/>
      </c>
      <c r="AB31" t="str">
        <f>IF(kep!AA30="","",kep!AA30)</f>
        <v/>
      </c>
      <c r="AC31" t="str">
        <f>IF(kep!AB30="","",kep!AB30)</f>
        <v/>
      </c>
      <c r="AD31" t="str">
        <f>IF(kep!AC30="","",kep!AC30)</f>
        <v/>
      </c>
      <c r="AE31" t="str">
        <f>IF(kep!AD30="","",kep!AD30)</f>
        <v/>
      </c>
      <c r="AF31" t="str">
        <f>IF(kep!AE30="","",kep!AE30)</f>
        <v/>
      </c>
      <c r="AG31" t="str">
        <f>IF(kep!AF30="","",kep!AF30)</f>
        <v/>
      </c>
      <c r="AH31" t="str">
        <f>IF(kep!AG30="","",kep!AG30)</f>
        <v/>
      </c>
      <c r="AI31" t="str">
        <f>IF(kep!AH30="","",kep!AH30)</f>
        <v/>
      </c>
      <c r="AJ31" t="str">
        <f>IF(kep!AI30="","",kep!AI30)</f>
        <v/>
      </c>
      <c r="AK31" t="str">
        <f>IF(kep!AJ30="","",kep!AJ30)</f>
        <v/>
      </c>
      <c r="AL31" t="str">
        <f>IF(kep!AK30="","",kep!AK30)</f>
        <v/>
      </c>
      <c r="AM31" t="str">
        <f>IF(kep!AL30="","",kep!AL30)</f>
        <v/>
      </c>
      <c r="AN31" t="str">
        <f>IF(kep!AM30="","",kep!AM30)</f>
        <v/>
      </c>
      <c r="AO31" t="str">
        <f>IF(kep!AN30="","",kep!AN30)</f>
        <v/>
      </c>
      <c r="AP31" t="str">
        <f>IF(kep!AO30="","",kep!AO30)</f>
        <v/>
      </c>
      <c r="AQ31" t="str">
        <f>IF(kep!AP30="","",kep!AP30)</f>
        <v/>
      </c>
      <c r="AR31" t="str">
        <f>IF(kep!AQ30="","",kep!AQ30)</f>
        <v/>
      </c>
      <c r="AS31" t="str">
        <f>IF(kep!AR30="","",kep!AR30)</f>
        <v/>
      </c>
      <c r="AT31" t="str">
        <f>IF(kep!AS30="","",kep!AS30)</f>
        <v/>
      </c>
      <c r="AU31" t="str">
        <f>IF(kep!AT30="","",kep!AT30)</f>
        <v/>
      </c>
      <c r="AV31" t="str">
        <f>IF(kep!AU30="","",kep!AU30)</f>
        <v/>
      </c>
      <c r="AW31" t="str">
        <f>IF(kep!AV30="","",kep!AV30)</f>
        <v/>
      </c>
      <c r="AX31" t="str">
        <f>IF(kep!AW30="","",kep!AW30)</f>
        <v/>
      </c>
      <c r="AY31" t="str">
        <f>IF(kep!AX30="","",kep!AX30)</f>
        <v/>
      </c>
    </row>
    <row r="32" spans="2:51" x14ac:dyDescent="0.25">
      <c r="B32" t="str">
        <f>IF(kep!A31="","",kep!A31)</f>
        <v/>
      </c>
      <c r="C32" t="str">
        <f>IF(kep!B31="","",kep!B31)</f>
        <v/>
      </c>
      <c r="D32" t="str">
        <f>IF(kep!C31="","",kep!C31)</f>
        <v/>
      </c>
      <c r="E32" t="str">
        <f>IF(kep!D31="","",kep!D31)</f>
        <v/>
      </c>
      <c r="F32" t="str">
        <f>IF(kep!E31="","",kep!E31)</f>
        <v/>
      </c>
      <c r="G32" t="str">
        <f>IF(kep!F31="","",kep!F31)</f>
        <v/>
      </c>
      <c r="H32" t="str">
        <f>IF(kep!G31="","",kep!G31)</f>
        <v/>
      </c>
      <c r="I32" t="str">
        <f>IF(kep!H31="","",kep!H31)</f>
        <v/>
      </c>
      <c r="J32" t="str">
        <f>IF(kep!I31="","",kep!I31)</f>
        <v/>
      </c>
      <c r="K32" t="str">
        <f>IF(kep!J31="","",kep!J31)</f>
        <v/>
      </c>
      <c r="L32" t="str">
        <f>IF(kep!K31="","",kep!K31)</f>
        <v/>
      </c>
      <c r="M32" t="str">
        <f>IF(kep!L31="","",kep!L31)</f>
        <v/>
      </c>
      <c r="N32" t="str">
        <f>IF(kep!M31="","",kep!M31)</f>
        <v/>
      </c>
      <c r="O32" t="str">
        <f>IF(kep!N31="","",kep!N31)</f>
        <v/>
      </c>
      <c r="P32" t="str">
        <f>IF(kep!O31="","",kep!O31)</f>
        <v/>
      </c>
      <c r="Q32" t="str">
        <f>IF(kep!P31="","",kep!P31)</f>
        <v/>
      </c>
      <c r="R32" t="str">
        <f>IF(kep!Q31="","",kep!Q31)</f>
        <v/>
      </c>
      <c r="S32" t="str">
        <f>IF(kep!R31="","",kep!R31)</f>
        <v/>
      </c>
      <c r="T32" t="str">
        <f>IF(kep!S31="","",kep!S31)</f>
        <v/>
      </c>
      <c r="U32" t="str">
        <f>IF(kep!T31="","",kep!T31)</f>
        <v/>
      </c>
      <c r="V32" t="str">
        <f>IF(kep!U31="","",kep!U31)</f>
        <v/>
      </c>
      <c r="W32">
        <f>IF(kep!V31="","",kep!V31)</f>
        <v>8</v>
      </c>
      <c r="X32">
        <f>IF(kep!W31="","",kep!W31)</f>
        <v>8</v>
      </c>
      <c r="Y32" t="str">
        <f>IF(kep!X31="","",kep!X31)</f>
        <v/>
      </c>
      <c r="Z32" t="str">
        <f>IF(kep!Y31="","",kep!Y31)</f>
        <v/>
      </c>
      <c r="AA32" t="str">
        <f>IF(kep!Z31="","",kep!Z31)</f>
        <v/>
      </c>
      <c r="AB32" t="str">
        <f>IF(kep!AA31="","",kep!AA31)</f>
        <v/>
      </c>
      <c r="AC32" t="str">
        <f>IF(kep!AB31="","",kep!AB31)</f>
        <v/>
      </c>
      <c r="AD32" t="str">
        <f>IF(kep!AC31="","",kep!AC31)</f>
        <v/>
      </c>
      <c r="AE32" t="str">
        <f>IF(kep!AD31="","",kep!AD31)</f>
        <v/>
      </c>
      <c r="AF32" t="str">
        <f>IF(kep!AE31="","",kep!AE31)</f>
        <v/>
      </c>
      <c r="AG32" t="str">
        <f>IF(kep!AF31="","",kep!AF31)</f>
        <v/>
      </c>
      <c r="AH32" t="str">
        <f>IF(kep!AG31="","",kep!AG31)</f>
        <v/>
      </c>
      <c r="AI32" t="str">
        <f>IF(kep!AH31="","",kep!AH31)</f>
        <v/>
      </c>
      <c r="AJ32" t="str">
        <f>IF(kep!AI31="","",kep!AI31)</f>
        <v/>
      </c>
      <c r="AK32" t="str">
        <f>IF(kep!AJ31="","",kep!AJ31)</f>
        <v/>
      </c>
      <c r="AL32" t="str">
        <f>IF(kep!AK31="","",kep!AK31)</f>
        <v/>
      </c>
      <c r="AM32" t="str">
        <f>IF(kep!AL31="","",kep!AL31)</f>
        <v/>
      </c>
      <c r="AN32" t="str">
        <f>IF(kep!AM31="","",kep!AM31)</f>
        <v/>
      </c>
      <c r="AO32" t="str">
        <f>IF(kep!AN31="","",kep!AN31)</f>
        <v/>
      </c>
      <c r="AP32" t="str">
        <f>IF(kep!AO31="","",kep!AO31)</f>
        <v/>
      </c>
      <c r="AQ32" t="str">
        <f>IF(kep!AP31="","",kep!AP31)</f>
        <v/>
      </c>
      <c r="AR32" t="str">
        <f>IF(kep!AQ31="","",kep!AQ31)</f>
        <v/>
      </c>
      <c r="AS32" t="str">
        <f>IF(kep!AR31="","",kep!AR31)</f>
        <v/>
      </c>
      <c r="AT32" t="str">
        <f>IF(kep!AS31="","",kep!AS31)</f>
        <v/>
      </c>
      <c r="AU32" t="str">
        <f>IF(kep!AT31="","",kep!AT31)</f>
        <v/>
      </c>
      <c r="AV32" t="str">
        <f>IF(kep!AU31="","",kep!AU31)</f>
        <v/>
      </c>
      <c r="AW32" t="str">
        <f>IF(kep!AV31="","",kep!AV31)</f>
        <v/>
      </c>
      <c r="AX32" t="str">
        <f>IF(kep!AW31="","",kep!AW31)</f>
        <v/>
      </c>
      <c r="AY32" t="str">
        <f>IF(kep!AX31="","",kep!AX31)</f>
        <v/>
      </c>
    </row>
    <row r="33" spans="2:51" x14ac:dyDescent="0.25">
      <c r="B33" t="str">
        <f>IF(kep!A32="","",kep!A32)</f>
        <v/>
      </c>
      <c r="C33" t="str">
        <f>IF(kep!B32="","",kep!B32)</f>
        <v/>
      </c>
      <c r="D33" t="str">
        <f>IF(kep!C32="","",kep!C32)</f>
        <v/>
      </c>
      <c r="E33" t="str">
        <f>IF(kep!D32="","",kep!D32)</f>
        <v/>
      </c>
      <c r="F33" t="str">
        <f>IF(kep!E32="","",kep!E32)</f>
        <v/>
      </c>
      <c r="G33" t="str">
        <f>IF(kep!F32="","",kep!F32)</f>
        <v/>
      </c>
      <c r="H33" t="str">
        <f>IF(kep!G32="","",kep!G32)</f>
        <v/>
      </c>
      <c r="I33" t="str">
        <f>IF(kep!H32="","",kep!H32)</f>
        <v/>
      </c>
      <c r="J33" t="str">
        <f>IF(kep!I32="","",kep!I32)</f>
        <v/>
      </c>
      <c r="K33" t="str">
        <f>IF(kep!J32="","",kep!J32)</f>
        <v/>
      </c>
      <c r="L33" t="str">
        <f>IF(kep!K32="","",kep!K32)</f>
        <v/>
      </c>
      <c r="M33" t="str">
        <f>IF(kep!L32="","",kep!L32)</f>
        <v/>
      </c>
      <c r="N33" t="str">
        <f>IF(kep!M32="","",kep!M32)</f>
        <v/>
      </c>
      <c r="O33" t="str">
        <f>IF(kep!N32="","",kep!N32)</f>
        <v/>
      </c>
      <c r="P33" t="str">
        <f>IF(kep!O32="","",kep!O32)</f>
        <v/>
      </c>
      <c r="Q33" t="str">
        <f>IF(kep!P32="","",kep!P32)</f>
        <v/>
      </c>
      <c r="R33" t="str">
        <f>IF(kep!Q32="","",kep!Q32)</f>
        <v/>
      </c>
      <c r="S33" t="str">
        <f>IF(kep!R32="","",kep!R32)</f>
        <v/>
      </c>
      <c r="T33" t="str">
        <f>IF(kep!S32="","",kep!S32)</f>
        <v/>
      </c>
      <c r="U33" t="str">
        <f>IF(kep!T32="","",kep!T32)</f>
        <v/>
      </c>
      <c r="V33" t="str">
        <f>IF(kep!U32="","",kep!U32)</f>
        <v/>
      </c>
      <c r="W33">
        <f>IF(kep!V32="","",kep!V32)</f>
        <v>8</v>
      </c>
      <c r="X33">
        <f>IF(kep!W32="","",kep!W32)</f>
        <v>8</v>
      </c>
      <c r="Y33">
        <f>IF(kep!X32="","",kep!X32)</f>
        <v>8</v>
      </c>
      <c r="Z33" t="str">
        <f>IF(kep!Y32="","",kep!Y32)</f>
        <v/>
      </c>
      <c r="AA33" t="str">
        <f>IF(kep!Z32="","",kep!Z32)</f>
        <v/>
      </c>
      <c r="AB33" t="str">
        <f>IF(kep!AA32="","",kep!AA32)</f>
        <v/>
      </c>
      <c r="AC33" t="str">
        <f>IF(kep!AB32="","",kep!AB32)</f>
        <v/>
      </c>
      <c r="AD33" t="str">
        <f>IF(kep!AC32="","",kep!AC32)</f>
        <v/>
      </c>
      <c r="AE33" t="str">
        <f>IF(kep!AD32="","",kep!AD32)</f>
        <v/>
      </c>
      <c r="AF33" t="str">
        <f>IF(kep!AE32="","",kep!AE32)</f>
        <v/>
      </c>
      <c r="AG33" t="str">
        <f>IF(kep!AF32="","",kep!AF32)</f>
        <v/>
      </c>
      <c r="AH33" t="str">
        <f>IF(kep!AG32="","",kep!AG32)</f>
        <v/>
      </c>
      <c r="AI33" t="str">
        <f>IF(kep!AH32="","",kep!AH32)</f>
        <v/>
      </c>
      <c r="AJ33" t="str">
        <f>IF(kep!AI32="","",kep!AI32)</f>
        <v/>
      </c>
      <c r="AK33" t="str">
        <f>IF(kep!AJ32="","",kep!AJ32)</f>
        <v/>
      </c>
      <c r="AL33" t="str">
        <f>IF(kep!AK32="","",kep!AK32)</f>
        <v/>
      </c>
      <c r="AM33" t="str">
        <f>IF(kep!AL32="","",kep!AL32)</f>
        <v/>
      </c>
      <c r="AN33" t="str">
        <f>IF(kep!AM32="","",kep!AM32)</f>
        <v/>
      </c>
      <c r="AO33" t="str">
        <f>IF(kep!AN32="","",kep!AN32)</f>
        <v/>
      </c>
      <c r="AP33" t="str">
        <f>IF(kep!AO32="","",kep!AO32)</f>
        <v/>
      </c>
      <c r="AQ33" t="str">
        <f>IF(kep!AP32="","",kep!AP32)</f>
        <v/>
      </c>
      <c r="AR33" t="str">
        <f>IF(kep!AQ32="","",kep!AQ32)</f>
        <v/>
      </c>
      <c r="AS33" t="str">
        <f>IF(kep!AR32="","",kep!AR32)</f>
        <v/>
      </c>
      <c r="AT33" t="str">
        <f>IF(kep!AS32="","",kep!AS32)</f>
        <v/>
      </c>
      <c r="AU33" t="str">
        <f>IF(kep!AT32="","",kep!AT32)</f>
        <v/>
      </c>
      <c r="AV33" t="str">
        <f>IF(kep!AU32="","",kep!AU32)</f>
        <v/>
      </c>
      <c r="AW33" t="str">
        <f>IF(kep!AV32="","",kep!AV32)</f>
        <v/>
      </c>
      <c r="AX33" t="str">
        <f>IF(kep!AW32="","",kep!AW32)</f>
        <v/>
      </c>
      <c r="AY33" t="str">
        <f>IF(kep!AX32="","",kep!AX32)</f>
        <v/>
      </c>
    </row>
    <row r="34" spans="2:51" x14ac:dyDescent="0.25">
      <c r="B34" t="str">
        <f>IF(kep!A33="","",kep!A33)</f>
        <v/>
      </c>
      <c r="C34" t="str">
        <f>IF(kep!B33="","",kep!B33)</f>
        <v/>
      </c>
      <c r="D34" t="str">
        <f>IF(kep!C33="","",kep!C33)</f>
        <v/>
      </c>
      <c r="E34" t="str">
        <f>IF(kep!D33="","",kep!D33)</f>
        <v/>
      </c>
      <c r="F34" t="str">
        <f>IF(kep!E33="","",kep!E33)</f>
        <v/>
      </c>
      <c r="G34">
        <f>IF(kep!F33="","",kep!F33)</f>
        <v>18</v>
      </c>
      <c r="H34" t="str">
        <f>IF(kep!G33="","",kep!G33)</f>
        <v/>
      </c>
      <c r="I34" t="str">
        <f>IF(kep!H33="","",kep!H33)</f>
        <v/>
      </c>
      <c r="J34" t="str">
        <f>IF(kep!I33="","",kep!I33)</f>
        <v/>
      </c>
      <c r="K34" t="str">
        <f>IF(kep!J33="","",kep!J33)</f>
        <v/>
      </c>
      <c r="L34" t="str">
        <f>IF(kep!K33="","",kep!K33)</f>
        <v/>
      </c>
      <c r="M34">
        <f>IF(kep!L33="","",kep!L33)</f>
        <v>10</v>
      </c>
      <c r="N34" t="str">
        <f>IF(kep!M33="","",kep!M33)</f>
        <v/>
      </c>
      <c r="O34" t="str">
        <f>IF(kep!N33="","",kep!N33)</f>
        <v/>
      </c>
      <c r="P34" t="str">
        <f>IF(kep!O33="","",kep!O33)</f>
        <v/>
      </c>
      <c r="Q34" t="str">
        <f>IF(kep!P33="","",kep!P33)</f>
        <v/>
      </c>
      <c r="R34" t="str">
        <f>IF(kep!Q33="","",kep!Q33)</f>
        <v/>
      </c>
      <c r="S34" t="str">
        <f>IF(kep!R33="","",kep!R33)</f>
        <v/>
      </c>
      <c r="T34" t="str">
        <f>IF(kep!S33="","",kep!S33)</f>
        <v/>
      </c>
      <c r="U34" t="str">
        <f>IF(kep!T33="","",kep!T33)</f>
        <v/>
      </c>
      <c r="V34" t="str">
        <f>IF(kep!U33="","",kep!U33)</f>
        <v/>
      </c>
      <c r="W34">
        <f>IF(kep!V33="","",kep!V33)</f>
        <v>8</v>
      </c>
      <c r="X34" t="str">
        <f>IF(kep!W33="","",kep!W33)</f>
        <v/>
      </c>
      <c r="Y34" t="str">
        <f>IF(kep!X33="","",kep!X33)</f>
        <v/>
      </c>
      <c r="Z34" t="str">
        <f>IF(kep!Y33="","",kep!Y33)</f>
        <v/>
      </c>
      <c r="AA34" t="str">
        <f>IF(kep!Z33="","",kep!Z33)</f>
        <v/>
      </c>
      <c r="AB34" t="str">
        <f>IF(kep!AA33="","",kep!AA33)</f>
        <v/>
      </c>
      <c r="AC34" t="str">
        <f>IF(kep!AB33="","",kep!AB33)</f>
        <v/>
      </c>
      <c r="AD34" t="str">
        <f>IF(kep!AC33="","",kep!AC33)</f>
        <v/>
      </c>
      <c r="AE34" t="str">
        <f>IF(kep!AD33="","",kep!AD33)</f>
        <v/>
      </c>
      <c r="AF34" t="str">
        <f>IF(kep!AE33="","",kep!AE33)</f>
        <v/>
      </c>
      <c r="AG34" t="str">
        <f>IF(kep!AF33="","",kep!AF33)</f>
        <v/>
      </c>
      <c r="AH34" t="str">
        <f>IF(kep!AG33="","",kep!AG33)</f>
        <v/>
      </c>
      <c r="AI34" t="str">
        <f>IF(kep!AH33="","",kep!AH33)</f>
        <v/>
      </c>
      <c r="AJ34" t="str">
        <f>IF(kep!AI33="","",kep!AI33)</f>
        <v/>
      </c>
      <c r="AK34" t="str">
        <f>IF(kep!AJ33="","",kep!AJ33)</f>
        <v/>
      </c>
      <c r="AL34" t="str">
        <f>IF(kep!AK33="","",kep!AK33)</f>
        <v/>
      </c>
      <c r="AM34" t="str">
        <f>IF(kep!AL33="","",kep!AL33)</f>
        <v/>
      </c>
      <c r="AN34" t="str">
        <f>IF(kep!AM33="","",kep!AM33)</f>
        <v/>
      </c>
      <c r="AO34" t="str">
        <f>IF(kep!AN33="","",kep!AN33)</f>
        <v/>
      </c>
      <c r="AP34" t="str">
        <f>IF(kep!AO33="","",kep!AO33)</f>
        <v/>
      </c>
      <c r="AQ34" t="str">
        <f>IF(kep!AP33="","",kep!AP33)</f>
        <v/>
      </c>
      <c r="AR34" t="str">
        <f>IF(kep!AQ33="","",kep!AQ33)</f>
        <v/>
      </c>
      <c r="AS34" t="str">
        <f>IF(kep!AR33="","",kep!AR33)</f>
        <v/>
      </c>
      <c r="AT34" t="str">
        <f>IF(kep!AS33="","",kep!AS33)</f>
        <v/>
      </c>
      <c r="AU34" t="str">
        <f>IF(kep!AT33="","",kep!AT33)</f>
        <v/>
      </c>
      <c r="AV34" t="str">
        <f>IF(kep!AU33="","",kep!AU33)</f>
        <v/>
      </c>
      <c r="AW34" t="str">
        <f>IF(kep!AV33="","",kep!AV33)</f>
        <v/>
      </c>
      <c r="AX34" t="str">
        <f>IF(kep!AW33="","",kep!AW33)</f>
        <v/>
      </c>
      <c r="AY34" t="str">
        <f>IF(kep!AX33="","",kep!AX33)</f>
        <v/>
      </c>
    </row>
    <row r="35" spans="2:51" x14ac:dyDescent="0.25">
      <c r="B35" t="str">
        <f>IF(kep!A34="","",kep!A34)</f>
        <v/>
      </c>
      <c r="C35" t="str">
        <f>IF(kep!B34="","",kep!B34)</f>
        <v/>
      </c>
      <c r="D35" t="str">
        <f>IF(kep!C34="","",kep!C34)</f>
        <v/>
      </c>
      <c r="E35" t="str">
        <f>IF(kep!D34="","",kep!D34)</f>
        <v/>
      </c>
      <c r="F35" t="str">
        <f>IF(kep!E34="","",kep!E34)</f>
        <v/>
      </c>
      <c r="G35">
        <f>IF(kep!F34="","",kep!F34)</f>
        <v>18</v>
      </c>
      <c r="H35" t="str">
        <f>IF(kep!G34="","",kep!G34)</f>
        <v/>
      </c>
      <c r="I35" t="str">
        <f>IF(kep!H34="","",kep!H34)</f>
        <v/>
      </c>
      <c r="J35" t="str">
        <f>IF(kep!I34="","",kep!I34)</f>
        <v/>
      </c>
      <c r="K35" t="str">
        <f>IF(kep!J34="","",kep!J34)</f>
        <v/>
      </c>
      <c r="L35" t="str">
        <f>IF(kep!K34="","",kep!K34)</f>
        <v/>
      </c>
      <c r="M35">
        <f>IF(kep!L34="","",kep!L34)</f>
        <v>10</v>
      </c>
      <c r="N35">
        <f>IF(kep!M34="","",kep!M34)</f>
        <v>10</v>
      </c>
      <c r="O35" t="str">
        <f>IF(kep!N34="","",kep!N34)</f>
        <v/>
      </c>
      <c r="P35" t="str">
        <f>IF(kep!O34="","",kep!O34)</f>
        <v/>
      </c>
      <c r="Q35" t="str">
        <f>IF(kep!P34="","",kep!P34)</f>
        <v/>
      </c>
      <c r="R35" t="str">
        <f>IF(kep!Q34="","",kep!Q34)</f>
        <v/>
      </c>
      <c r="S35" t="str">
        <f>IF(kep!R34="","",kep!R34)</f>
        <v/>
      </c>
      <c r="T35" t="str">
        <f>IF(kep!S34="","",kep!S34)</f>
        <v/>
      </c>
      <c r="U35" t="str">
        <f>IF(kep!T34="","",kep!T34)</f>
        <v/>
      </c>
      <c r="V35" t="str">
        <f>IF(kep!U34="","",kep!U34)</f>
        <v/>
      </c>
      <c r="W35">
        <f>IF(kep!V34="","",kep!V34)</f>
        <v>8</v>
      </c>
      <c r="X35" t="str">
        <f>IF(kep!W34="","",kep!W34)</f>
        <v/>
      </c>
      <c r="Y35" t="str">
        <f>IF(kep!X34="","",kep!X34)</f>
        <v/>
      </c>
      <c r="Z35" t="str">
        <f>IF(kep!Y34="","",kep!Y34)</f>
        <v/>
      </c>
      <c r="AA35" t="str">
        <f>IF(kep!Z34="","",kep!Z34)</f>
        <v/>
      </c>
      <c r="AB35" t="str">
        <f>IF(kep!AA34="","",kep!AA34)</f>
        <v/>
      </c>
      <c r="AC35" t="str">
        <f>IF(kep!AB34="","",kep!AB34)</f>
        <v/>
      </c>
      <c r="AD35" t="str">
        <f>IF(kep!AC34="","",kep!AC34)</f>
        <v/>
      </c>
      <c r="AE35" t="str">
        <f>IF(kep!AD34="","",kep!AD34)</f>
        <v/>
      </c>
      <c r="AF35" t="str">
        <f>IF(kep!AE34="","",kep!AE34)</f>
        <v/>
      </c>
      <c r="AG35" t="str">
        <f>IF(kep!AF34="","",kep!AF34)</f>
        <v/>
      </c>
      <c r="AH35" t="str">
        <f>IF(kep!AG34="","",kep!AG34)</f>
        <v/>
      </c>
      <c r="AI35" t="str">
        <f>IF(kep!AH34="","",kep!AH34)</f>
        <v/>
      </c>
      <c r="AJ35" t="str">
        <f>IF(kep!AI34="","",kep!AI34)</f>
        <v/>
      </c>
      <c r="AK35" t="str">
        <f>IF(kep!AJ34="","",kep!AJ34)</f>
        <v/>
      </c>
      <c r="AL35" t="str">
        <f>IF(kep!AK34="","",kep!AK34)</f>
        <v/>
      </c>
      <c r="AM35" t="str">
        <f>IF(kep!AL34="","",kep!AL34)</f>
        <v/>
      </c>
      <c r="AN35" t="str">
        <f>IF(kep!AM34="","",kep!AM34)</f>
        <v/>
      </c>
      <c r="AO35" t="str">
        <f>IF(kep!AN34="","",kep!AN34)</f>
        <v/>
      </c>
      <c r="AP35" t="str">
        <f>IF(kep!AO34="","",kep!AO34)</f>
        <v/>
      </c>
      <c r="AQ35" t="str">
        <f>IF(kep!AP34="","",kep!AP34)</f>
        <v/>
      </c>
      <c r="AR35" t="str">
        <f>IF(kep!AQ34="","",kep!AQ34)</f>
        <v/>
      </c>
      <c r="AS35" t="str">
        <f>IF(kep!AR34="","",kep!AR34)</f>
        <v/>
      </c>
      <c r="AT35" t="str">
        <f>IF(kep!AS34="","",kep!AS34)</f>
        <v/>
      </c>
      <c r="AU35" t="str">
        <f>IF(kep!AT34="","",kep!AT34)</f>
        <v/>
      </c>
      <c r="AV35" t="str">
        <f>IF(kep!AU34="","",kep!AU34)</f>
        <v/>
      </c>
      <c r="AW35" t="str">
        <f>IF(kep!AV34="","",kep!AV34)</f>
        <v/>
      </c>
      <c r="AX35" t="str">
        <f>IF(kep!AW34="","",kep!AW34)</f>
        <v/>
      </c>
      <c r="AY35" t="str">
        <f>IF(kep!AX34="","",kep!AX34)</f>
        <v/>
      </c>
    </row>
    <row r="36" spans="2:51" x14ac:dyDescent="0.25">
      <c r="B36" t="str">
        <f>IF(kep!A35="","",kep!A35)</f>
        <v/>
      </c>
      <c r="C36" t="str">
        <f>IF(kep!B35="","",kep!B35)</f>
        <v/>
      </c>
      <c r="D36" t="str">
        <f>IF(kep!C35="","",kep!C35)</f>
        <v/>
      </c>
      <c r="E36" t="str">
        <f>IF(kep!D35="","",kep!D35)</f>
        <v/>
      </c>
      <c r="F36" t="str">
        <f>IF(kep!E35="","",kep!E35)</f>
        <v/>
      </c>
      <c r="G36">
        <f>IF(kep!F35="","",kep!F35)</f>
        <v>18</v>
      </c>
      <c r="H36" t="str">
        <f>IF(kep!G35="","",kep!G35)</f>
        <v/>
      </c>
      <c r="I36" t="str">
        <f>IF(kep!H35="","",kep!H35)</f>
        <v/>
      </c>
      <c r="J36" t="str">
        <f>IF(kep!I35="","",kep!I35)</f>
        <v/>
      </c>
      <c r="K36" t="str">
        <f>IF(kep!J35="","",kep!J35)</f>
        <v/>
      </c>
      <c r="L36" t="str">
        <f>IF(kep!K35="","",kep!K35)</f>
        <v/>
      </c>
      <c r="M36">
        <f>IF(kep!L35="","",kep!L35)</f>
        <v>10</v>
      </c>
      <c r="N36">
        <f>IF(kep!M35="","",kep!M35)</f>
        <v>10</v>
      </c>
      <c r="O36" t="str">
        <f>IF(kep!N35="","",kep!N35)</f>
        <v/>
      </c>
      <c r="P36" t="str">
        <f>IF(kep!O35="","",kep!O35)</f>
        <v/>
      </c>
      <c r="Q36" t="str">
        <f>IF(kep!P35="","",kep!P35)</f>
        <v/>
      </c>
      <c r="R36" t="str">
        <f>IF(kep!Q35="","",kep!Q35)</f>
        <v/>
      </c>
      <c r="S36" t="str">
        <f>IF(kep!R35="","",kep!R35)</f>
        <v/>
      </c>
      <c r="T36" t="str">
        <f>IF(kep!S35="","",kep!S35)</f>
        <v/>
      </c>
      <c r="U36" t="str">
        <f>IF(kep!T35="","",kep!T35)</f>
        <v/>
      </c>
      <c r="V36" t="str">
        <f>IF(kep!U35="","",kep!U35)</f>
        <v/>
      </c>
      <c r="W36" t="str">
        <f>IF(kep!V35="","",kep!V35)</f>
        <v/>
      </c>
      <c r="X36" t="str">
        <f>IF(kep!W35="","",kep!W35)</f>
        <v/>
      </c>
      <c r="Y36" t="str">
        <f>IF(kep!X35="","",kep!X35)</f>
        <v/>
      </c>
      <c r="Z36" t="str">
        <f>IF(kep!Y35="","",kep!Y35)</f>
        <v/>
      </c>
      <c r="AA36" t="str">
        <f>IF(kep!Z35="","",kep!Z35)</f>
        <v/>
      </c>
      <c r="AB36" t="str">
        <f>IF(kep!AA35="","",kep!AA35)</f>
        <v/>
      </c>
      <c r="AC36" t="str">
        <f>IF(kep!AB35="","",kep!AB35)</f>
        <v/>
      </c>
      <c r="AD36" t="str">
        <f>IF(kep!AC35="","",kep!AC35)</f>
        <v/>
      </c>
      <c r="AE36" t="str">
        <f>IF(kep!AD35="","",kep!AD35)</f>
        <v/>
      </c>
      <c r="AF36" t="str">
        <f>IF(kep!AE35="","",kep!AE35)</f>
        <v/>
      </c>
      <c r="AG36" t="str">
        <f>IF(kep!AF35="","",kep!AF35)</f>
        <v/>
      </c>
      <c r="AH36" t="str">
        <f>IF(kep!AG35="","",kep!AG35)</f>
        <v/>
      </c>
      <c r="AI36" t="str">
        <f>IF(kep!AH35="","",kep!AH35)</f>
        <v/>
      </c>
      <c r="AJ36" t="str">
        <f>IF(kep!AI35="","",kep!AI35)</f>
        <v/>
      </c>
      <c r="AK36" t="str">
        <f>IF(kep!AJ35="","",kep!AJ35)</f>
        <v/>
      </c>
      <c r="AL36" t="str">
        <f>IF(kep!AK35="","",kep!AK35)</f>
        <v/>
      </c>
      <c r="AM36" t="str">
        <f>IF(kep!AL35="","",kep!AL35)</f>
        <v/>
      </c>
      <c r="AN36" t="str">
        <f>IF(kep!AM35="","",kep!AM35)</f>
        <v/>
      </c>
      <c r="AO36" t="str">
        <f>IF(kep!AN35="","",kep!AN35)</f>
        <v/>
      </c>
      <c r="AP36" t="str">
        <f>IF(kep!AO35="","",kep!AO35)</f>
        <v/>
      </c>
      <c r="AQ36" t="str">
        <f>IF(kep!AP35="","",kep!AP35)</f>
        <v/>
      </c>
      <c r="AR36" t="str">
        <f>IF(kep!AQ35="","",kep!AQ35)</f>
        <v/>
      </c>
      <c r="AS36" t="str">
        <f>IF(kep!AR35="","",kep!AR35)</f>
        <v/>
      </c>
      <c r="AT36" t="str">
        <f>IF(kep!AS35="","",kep!AS35)</f>
        <v/>
      </c>
      <c r="AU36" t="str">
        <f>IF(kep!AT35="","",kep!AT35)</f>
        <v/>
      </c>
      <c r="AV36" t="str">
        <f>IF(kep!AU35="","",kep!AU35)</f>
        <v/>
      </c>
      <c r="AW36" t="str">
        <f>IF(kep!AV35="","",kep!AV35)</f>
        <v/>
      </c>
      <c r="AX36" t="str">
        <f>IF(kep!AW35="","",kep!AW35)</f>
        <v/>
      </c>
      <c r="AY36" t="str">
        <f>IF(kep!AX35="","",kep!AX35)</f>
        <v/>
      </c>
    </row>
    <row r="37" spans="2:51" x14ac:dyDescent="0.25">
      <c r="B37" t="str">
        <f>IF(kep!A36="","",kep!A36)</f>
        <v/>
      </c>
      <c r="C37" t="str">
        <f>IF(kep!B36="","",kep!B36)</f>
        <v/>
      </c>
      <c r="D37" t="str">
        <f>IF(kep!C36="","",kep!C36)</f>
        <v/>
      </c>
      <c r="E37" t="str">
        <f>IF(kep!D36="","",kep!D36)</f>
        <v/>
      </c>
      <c r="F37" t="str">
        <f>IF(kep!E36="","",kep!E36)</f>
        <v/>
      </c>
      <c r="G37">
        <f>IF(kep!F36="","",kep!F36)</f>
        <v>18</v>
      </c>
      <c r="H37" t="str">
        <f>IF(kep!G36="","",kep!G36)</f>
        <v/>
      </c>
      <c r="I37" t="str">
        <f>IF(kep!H36="","",kep!H36)</f>
        <v/>
      </c>
      <c r="J37" t="str">
        <f>IF(kep!I36="","",kep!I36)</f>
        <v/>
      </c>
      <c r="K37" t="str">
        <f>IF(kep!J36="","",kep!J36)</f>
        <v/>
      </c>
      <c r="L37">
        <f>IF(kep!K36="","",kep!K36)</f>
        <v>10</v>
      </c>
      <c r="M37">
        <f>IF(kep!L36="","",kep!L36)</f>
        <v>10</v>
      </c>
      <c r="N37">
        <f>IF(kep!M36="","",kep!M36)</f>
        <v>10</v>
      </c>
      <c r="O37">
        <f>IF(kep!N36="","",kep!N36)</f>
        <v>10</v>
      </c>
      <c r="P37" t="str">
        <f>IF(kep!O36="","",kep!O36)</f>
        <v/>
      </c>
      <c r="Q37" t="str">
        <f>IF(kep!P36="","",kep!P36)</f>
        <v/>
      </c>
      <c r="R37" t="str">
        <f>IF(kep!Q36="","",kep!Q36)</f>
        <v/>
      </c>
      <c r="S37" t="str">
        <f>IF(kep!R36="","",kep!R36)</f>
        <v/>
      </c>
      <c r="T37" t="str">
        <f>IF(kep!S36="","",kep!S36)</f>
        <v/>
      </c>
      <c r="U37" t="str">
        <f>IF(kep!T36="","",kep!T36)</f>
        <v/>
      </c>
      <c r="V37">
        <f>IF(kep!U36="","",kep!U36)</f>
        <v>13</v>
      </c>
      <c r="W37" t="str">
        <f>IF(kep!V36="","",kep!V36)</f>
        <v/>
      </c>
      <c r="X37" t="str">
        <f>IF(kep!W36="","",kep!W36)</f>
        <v/>
      </c>
      <c r="Y37" t="str">
        <f>IF(kep!X36="","",kep!X36)</f>
        <v/>
      </c>
      <c r="Z37" t="str">
        <f>IF(kep!Y36="","",kep!Y36)</f>
        <v/>
      </c>
      <c r="AA37" t="str">
        <f>IF(kep!Z36="","",kep!Z36)</f>
        <v/>
      </c>
      <c r="AB37" t="str">
        <f>IF(kep!AA36="","",kep!AA36)</f>
        <v/>
      </c>
      <c r="AC37" t="str">
        <f>IF(kep!AB36="","",kep!AB36)</f>
        <v/>
      </c>
      <c r="AD37" t="str">
        <f>IF(kep!AC36="","",kep!AC36)</f>
        <v/>
      </c>
      <c r="AE37" t="str">
        <f>IF(kep!AD36="","",kep!AD36)</f>
        <v/>
      </c>
      <c r="AF37" t="str">
        <f>IF(kep!AE36="","",kep!AE36)</f>
        <v/>
      </c>
      <c r="AG37" t="str">
        <f>IF(kep!AF36="","",kep!AF36)</f>
        <v/>
      </c>
      <c r="AH37" t="str">
        <f>IF(kep!AG36="","",kep!AG36)</f>
        <v/>
      </c>
      <c r="AI37" t="str">
        <f>IF(kep!AH36="","",kep!AH36)</f>
        <v/>
      </c>
      <c r="AJ37" t="str">
        <f>IF(kep!AI36="","",kep!AI36)</f>
        <v/>
      </c>
      <c r="AK37" t="str">
        <f>IF(kep!AJ36="","",kep!AJ36)</f>
        <v/>
      </c>
      <c r="AL37" t="str">
        <f>IF(kep!AK36="","",kep!AK36)</f>
        <v/>
      </c>
      <c r="AM37" t="str">
        <f>IF(kep!AL36="","",kep!AL36)</f>
        <v/>
      </c>
      <c r="AN37" t="str">
        <f>IF(kep!AM36="","",kep!AM36)</f>
        <v/>
      </c>
      <c r="AO37" t="str">
        <f>IF(kep!AN36="","",kep!AN36)</f>
        <v/>
      </c>
      <c r="AP37" t="str">
        <f>IF(kep!AO36="","",kep!AO36)</f>
        <v/>
      </c>
      <c r="AQ37" t="str">
        <f>IF(kep!AP36="","",kep!AP36)</f>
        <v/>
      </c>
      <c r="AR37" t="str">
        <f>IF(kep!AQ36="","",kep!AQ36)</f>
        <v/>
      </c>
      <c r="AS37" t="str">
        <f>IF(kep!AR36="","",kep!AR36)</f>
        <v/>
      </c>
      <c r="AT37" t="str">
        <f>IF(kep!AS36="","",kep!AS36)</f>
        <v/>
      </c>
      <c r="AU37" t="str">
        <f>IF(kep!AT36="","",kep!AT36)</f>
        <v/>
      </c>
      <c r="AV37" t="str">
        <f>IF(kep!AU36="","",kep!AU36)</f>
        <v/>
      </c>
      <c r="AW37" t="str">
        <f>IF(kep!AV36="","",kep!AV36)</f>
        <v/>
      </c>
      <c r="AX37" t="str">
        <f>IF(kep!AW36="","",kep!AW36)</f>
        <v/>
      </c>
      <c r="AY37" t="str">
        <f>IF(kep!AX36="","",kep!AX36)</f>
        <v/>
      </c>
    </row>
    <row r="38" spans="2:51" x14ac:dyDescent="0.25">
      <c r="B38" t="str">
        <f>IF(kep!A37="","",kep!A37)</f>
        <v/>
      </c>
      <c r="C38" t="str">
        <f>IF(kep!B37="","",kep!B37)</f>
        <v/>
      </c>
      <c r="D38" t="str">
        <f>IF(kep!C37="","",kep!C37)</f>
        <v/>
      </c>
      <c r="E38" t="str">
        <f>IF(kep!D37="","",kep!D37)</f>
        <v/>
      </c>
      <c r="F38" t="str">
        <f>IF(kep!E37="","",kep!E37)</f>
        <v/>
      </c>
      <c r="G38">
        <f>IF(kep!F37="","",kep!F37)</f>
        <v>18</v>
      </c>
      <c r="H38" t="str">
        <f>IF(kep!G37="","",kep!G37)</f>
        <v/>
      </c>
      <c r="I38" t="str">
        <f>IF(kep!H37="","",kep!H37)</f>
        <v/>
      </c>
      <c r="J38" t="str">
        <f>IF(kep!I37="","",kep!I37)</f>
        <v/>
      </c>
      <c r="K38" t="str">
        <f>IF(kep!J37="","",kep!J37)</f>
        <v/>
      </c>
      <c r="L38" t="str">
        <f>IF(kep!K37="","",kep!K37)</f>
        <v/>
      </c>
      <c r="M38">
        <f>IF(kep!L37="","",kep!L37)</f>
        <v>10</v>
      </c>
      <c r="N38" t="str">
        <f>IF(kep!M37="","",kep!M37)</f>
        <v/>
      </c>
      <c r="O38" t="str">
        <f>IF(kep!N37="","",kep!N37)</f>
        <v/>
      </c>
      <c r="P38" t="str">
        <f>IF(kep!O37="","",kep!O37)</f>
        <v/>
      </c>
      <c r="Q38" t="str">
        <f>IF(kep!P37="","",kep!P37)</f>
        <v/>
      </c>
      <c r="R38" t="str">
        <f>IF(kep!Q37="","",kep!Q37)</f>
        <v/>
      </c>
      <c r="S38" t="str">
        <f>IF(kep!R37="","",kep!R37)</f>
        <v/>
      </c>
      <c r="T38" t="str">
        <f>IF(kep!S37="","",kep!S37)</f>
        <v/>
      </c>
      <c r="U38" t="str">
        <f>IF(kep!T37="","",kep!T37)</f>
        <v/>
      </c>
      <c r="V38">
        <f>IF(kep!U37="","",kep!U37)</f>
        <v>13</v>
      </c>
      <c r="W38" t="str">
        <f>IF(kep!V37="","",kep!V37)</f>
        <v/>
      </c>
      <c r="X38" t="str">
        <f>IF(kep!W37="","",kep!W37)</f>
        <v/>
      </c>
      <c r="Y38" t="str">
        <f>IF(kep!X37="","",kep!X37)</f>
        <v/>
      </c>
      <c r="Z38" t="str">
        <f>IF(kep!Y37="","",kep!Y37)</f>
        <v/>
      </c>
      <c r="AA38" t="str">
        <f>IF(kep!Z37="","",kep!Z37)</f>
        <v/>
      </c>
      <c r="AB38" t="str">
        <f>IF(kep!AA37="","",kep!AA37)</f>
        <v/>
      </c>
      <c r="AC38" t="str">
        <f>IF(kep!AB37="","",kep!AB37)</f>
        <v/>
      </c>
      <c r="AD38" t="str">
        <f>IF(kep!AC37="","",kep!AC37)</f>
        <v/>
      </c>
      <c r="AE38" t="str">
        <f>IF(kep!AD37="","",kep!AD37)</f>
        <v/>
      </c>
      <c r="AF38" t="str">
        <f>IF(kep!AE37="","",kep!AE37)</f>
        <v/>
      </c>
      <c r="AG38" t="str">
        <f>IF(kep!AF37="","",kep!AF37)</f>
        <v/>
      </c>
      <c r="AH38" t="str">
        <f>IF(kep!AG37="","",kep!AG37)</f>
        <v/>
      </c>
      <c r="AI38" t="str">
        <f>IF(kep!AH37="","",kep!AH37)</f>
        <v/>
      </c>
      <c r="AJ38" t="str">
        <f>IF(kep!AI37="","",kep!AI37)</f>
        <v/>
      </c>
      <c r="AK38" t="str">
        <f>IF(kep!AJ37="","",kep!AJ37)</f>
        <v/>
      </c>
      <c r="AL38" t="str">
        <f>IF(kep!AK37="","",kep!AK37)</f>
        <v/>
      </c>
      <c r="AM38" t="str">
        <f>IF(kep!AL37="","",kep!AL37)</f>
        <v/>
      </c>
      <c r="AN38" t="str">
        <f>IF(kep!AM37="","",kep!AM37)</f>
        <v/>
      </c>
      <c r="AO38" t="str">
        <f>IF(kep!AN37="","",kep!AN37)</f>
        <v/>
      </c>
      <c r="AP38" t="str">
        <f>IF(kep!AO37="","",kep!AO37)</f>
        <v/>
      </c>
      <c r="AQ38" t="str">
        <f>IF(kep!AP37="","",kep!AP37)</f>
        <v/>
      </c>
      <c r="AR38" t="str">
        <f>IF(kep!AQ37="","",kep!AQ37)</f>
        <v/>
      </c>
      <c r="AS38" t="str">
        <f>IF(kep!AR37="","",kep!AR37)</f>
        <v/>
      </c>
      <c r="AT38" t="str">
        <f>IF(kep!AS37="","",kep!AS37)</f>
        <v/>
      </c>
      <c r="AU38" t="str">
        <f>IF(kep!AT37="","",kep!AT37)</f>
        <v/>
      </c>
      <c r="AV38" t="str">
        <f>IF(kep!AU37="","",kep!AU37)</f>
        <v/>
      </c>
      <c r="AW38" t="str">
        <f>IF(kep!AV37="","",kep!AV37)</f>
        <v/>
      </c>
      <c r="AX38" t="str">
        <f>IF(kep!AW37="","",kep!AW37)</f>
        <v/>
      </c>
      <c r="AY38" t="str">
        <f>IF(kep!AX37="","",kep!AX37)</f>
        <v/>
      </c>
    </row>
    <row r="39" spans="2:51" x14ac:dyDescent="0.25">
      <c r="B39" t="str">
        <f>IF(kep!A38="","",kep!A38)</f>
        <v/>
      </c>
      <c r="C39" t="str">
        <f>IF(kep!B38="","",kep!B38)</f>
        <v/>
      </c>
      <c r="D39" t="str">
        <f>IF(kep!C38="","",kep!C38)</f>
        <v/>
      </c>
      <c r="E39" t="str">
        <f>IF(kep!D38="","",kep!D38)</f>
        <v/>
      </c>
      <c r="F39" t="str">
        <f>IF(kep!E38="","",kep!E38)</f>
        <v/>
      </c>
      <c r="G39">
        <f>IF(kep!F38="","",kep!F38)</f>
        <v>18</v>
      </c>
      <c r="H39" t="str">
        <f>IF(kep!G38="","",kep!G38)</f>
        <v/>
      </c>
      <c r="I39" t="str">
        <f>IF(kep!H38="","",kep!H38)</f>
        <v/>
      </c>
      <c r="J39" t="str">
        <f>IF(kep!I38="","",kep!I38)</f>
        <v/>
      </c>
      <c r="K39" t="str">
        <f>IF(kep!J38="","",kep!J38)</f>
        <v/>
      </c>
      <c r="L39">
        <f>IF(kep!K38="","",kep!K38)</f>
        <v>10</v>
      </c>
      <c r="M39">
        <f>IF(kep!L38="","",kep!L38)</f>
        <v>10</v>
      </c>
      <c r="N39" t="str">
        <f>IF(kep!M38="","",kep!M38)</f>
        <v/>
      </c>
      <c r="O39" t="str">
        <f>IF(kep!N38="","",kep!N38)</f>
        <v/>
      </c>
      <c r="P39">
        <f>IF(kep!O38="","",kep!O38)</f>
        <v>13</v>
      </c>
      <c r="Q39">
        <f>IF(kep!P38="","",kep!P38)</f>
        <v>13</v>
      </c>
      <c r="R39">
        <f>IF(kep!Q38="","",kep!Q38)</f>
        <v>13</v>
      </c>
      <c r="S39">
        <f>IF(kep!R38="","",kep!R38)</f>
        <v>13</v>
      </c>
      <c r="T39">
        <f>IF(kep!S38="","",kep!S38)</f>
        <v>13</v>
      </c>
      <c r="U39">
        <f>IF(kep!T38="","",kep!T38)</f>
        <v>13</v>
      </c>
      <c r="V39">
        <f>IF(kep!U38="","",kep!U38)</f>
        <v>13</v>
      </c>
      <c r="W39">
        <f>IF(kep!V38="","",kep!V38)</f>
        <v>13</v>
      </c>
      <c r="X39">
        <f>IF(kep!W38="","",kep!W38)</f>
        <v>13</v>
      </c>
      <c r="Y39" t="str">
        <f>IF(kep!X38="","",kep!X38)</f>
        <v/>
      </c>
      <c r="Z39" t="str">
        <f>IF(kep!Y38="","",kep!Y38)</f>
        <v/>
      </c>
      <c r="AA39" t="str">
        <f>IF(kep!Z38="","",kep!Z38)</f>
        <v/>
      </c>
      <c r="AB39">
        <f>IF(kep!AA38="","",kep!AA38)</f>
        <v>15</v>
      </c>
      <c r="AC39">
        <f>IF(kep!AB38="","",kep!AB38)</f>
        <v>15</v>
      </c>
      <c r="AD39" t="str">
        <f>IF(kep!AC38="","",kep!AC38)</f>
        <v/>
      </c>
      <c r="AE39" t="str">
        <f>IF(kep!AD38="","",kep!AD38)</f>
        <v/>
      </c>
      <c r="AF39" t="str">
        <f>IF(kep!AE38="","",kep!AE38)</f>
        <v/>
      </c>
      <c r="AG39" t="str">
        <f>IF(kep!AF38="","",kep!AF38)</f>
        <v/>
      </c>
      <c r="AH39" t="str">
        <f>IF(kep!AG38="","",kep!AG38)</f>
        <v/>
      </c>
      <c r="AI39" t="str">
        <f>IF(kep!AH38="","",kep!AH38)</f>
        <v/>
      </c>
      <c r="AJ39" t="str">
        <f>IF(kep!AI38="","",kep!AI38)</f>
        <v/>
      </c>
      <c r="AK39" t="str">
        <f>IF(kep!AJ38="","",kep!AJ38)</f>
        <v/>
      </c>
      <c r="AL39" t="str">
        <f>IF(kep!AK38="","",kep!AK38)</f>
        <v/>
      </c>
      <c r="AM39" t="str">
        <f>IF(kep!AL38="","",kep!AL38)</f>
        <v/>
      </c>
      <c r="AN39" t="str">
        <f>IF(kep!AM38="","",kep!AM38)</f>
        <v/>
      </c>
      <c r="AO39">
        <f>IF(kep!AN38="","",kep!AN38)</f>
        <v>17</v>
      </c>
      <c r="AP39" t="str">
        <f>IF(kep!AO38="","",kep!AO38)</f>
        <v/>
      </c>
      <c r="AQ39" t="str">
        <f>IF(kep!AP38="","",kep!AP38)</f>
        <v/>
      </c>
      <c r="AR39" t="str">
        <f>IF(kep!AQ38="","",kep!AQ38)</f>
        <v/>
      </c>
      <c r="AS39" t="str">
        <f>IF(kep!AR38="","",kep!AR38)</f>
        <v/>
      </c>
      <c r="AT39" t="str">
        <f>IF(kep!AS38="","",kep!AS38)</f>
        <v/>
      </c>
      <c r="AU39" t="str">
        <f>IF(kep!AT38="","",kep!AT38)</f>
        <v/>
      </c>
      <c r="AV39" t="str">
        <f>IF(kep!AU38="","",kep!AU38)</f>
        <v/>
      </c>
      <c r="AW39" t="str">
        <f>IF(kep!AV38="","",kep!AV38)</f>
        <v/>
      </c>
      <c r="AX39" t="str">
        <f>IF(kep!AW38="","",kep!AW38)</f>
        <v/>
      </c>
      <c r="AY39" t="str">
        <f>IF(kep!AX38="","",kep!AX38)</f>
        <v/>
      </c>
    </row>
    <row r="40" spans="2:51" x14ac:dyDescent="0.25">
      <c r="B40" t="str">
        <f>IF(kep!A39="","",kep!A39)</f>
        <v/>
      </c>
      <c r="C40" t="str">
        <f>IF(kep!B39="","",kep!B39)</f>
        <v/>
      </c>
      <c r="D40" t="str">
        <f>IF(kep!C39="","",kep!C39)</f>
        <v/>
      </c>
      <c r="E40" t="str">
        <f>IF(kep!D39="","",kep!D39)</f>
        <v/>
      </c>
      <c r="F40" t="str">
        <f>IF(kep!E39="","",kep!E39)</f>
        <v/>
      </c>
      <c r="G40">
        <f>IF(kep!F39="","",kep!F39)</f>
        <v>18</v>
      </c>
      <c r="H40" t="str">
        <f>IF(kep!G39="","",kep!G39)</f>
        <v/>
      </c>
      <c r="I40" t="str">
        <f>IF(kep!H39="","",kep!H39)</f>
        <v/>
      </c>
      <c r="J40" t="str">
        <f>IF(kep!I39="","",kep!I39)</f>
        <v/>
      </c>
      <c r="K40" t="str">
        <f>IF(kep!J39="","",kep!J39)</f>
        <v/>
      </c>
      <c r="L40" t="str">
        <f>IF(kep!K39="","",kep!K39)</f>
        <v/>
      </c>
      <c r="M40" t="str">
        <f>IF(kep!L39="","",kep!L39)</f>
        <v/>
      </c>
      <c r="N40" t="str">
        <f>IF(kep!M39="","",kep!M39)</f>
        <v/>
      </c>
      <c r="O40" t="str">
        <f>IF(kep!N39="","",kep!N39)</f>
        <v/>
      </c>
      <c r="P40" t="str">
        <f>IF(kep!O39="","",kep!O39)</f>
        <v/>
      </c>
      <c r="Q40" t="str">
        <f>IF(kep!P39="","",kep!P39)</f>
        <v/>
      </c>
      <c r="R40" t="str">
        <f>IF(kep!Q39="","",kep!Q39)</f>
        <v/>
      </c>
      <c r="S40" t="str">
        <f>IF(kep!R39="","",kep!R39)</f>
        <v/>
      </c>
      <c r="T40">
        <f>IF(kep!S39="","",kep!S39)</f>
        <v>13</v>
      </c>
      <c r="U40">
        <f>IF(kep!T39="","",kep!T39)</f>
        <v>13</v>
      </c>
      <c r="V40">
        <f>IF(kep!U39="","",kep!U39)</f>
        <v>13</v>
      </c>
      <c r="W40">
        <f>IF(kep!V39="","",kep!V39)</f>
        <v>13</v>
      </c>
      <c r="X40">
        <f>IF(kep!W39="","",kep!W39)</f>
        <v>13</v>
      </c>
      <c r="Y40" t="str">
        <f>IF(kep!X39="","",kep!X39)</f>
        <v/>
      </c>
      <c r="Z40" t="str">
        <f>IF(kep!Y39="","",kep!Y39)</f>
        <v/>
      </c>
      <c r="AA40" t="str">
        <f>IF(kep!Z39="","",kep!Z39)</f>
        <v/>
      </c>
      <c r="AB40">
        <f>IF(kep!AA39="","",kep!AA39)</f>
        <v>15</v>
      </c>
      <c r="AC40">
        <f>IF(kep!AB39="","",kep!AB39)</f>
        <v>15</v>
      </c>
      <c r="AD40">
        <f>IF(kep!AC39="","",kep!AC39)</f>
        <v>15</v>
      </c>
      <c r="AE40">
        <f>IF(kep!AD39="","",kep!AD39)</f>
        <v>15</v>
      </c>
      <c r="AF40" t="str">
        <f>IF(kep!AE39="","",kep!AE39)</f>
        <v/>
      </c>
      <c r="AG40" t="str">
        <f>IF(kep!AF39="","",kep!AF39)</f>
        <v/>
      </c>
      <c r="AH40" t="str">
        <f>IF(kep!AG39="","",kep!AG39)</f>
        <v/>
      </c>
      <c r="AI40" t="str">
        <f>IF(kep!AH39="","",kep!AH39)</f>
        <v/>
      </c>
      <c r="AJ40" t="str">
        <f>IF(kep!AI39="","",kep!AI39)</f>
        <v/>
      </c>
      <c r="AK40" t="str">
        <f>IF(kep!AJ39="","",kep!AJ39)</f>
        <v/>
      </c>
      <c r="AL40" t="str">
        <f>IF(kep!AK39="","",kep!AK39)</f>
        <v/>
      </c>
      <c r="AM40">
        <f>IF(kep!AL39="","",kep!AL39)</f>
        <v>17</v>
      </c>
      <c r="AN40">
        <f>IF(kep!AM39="","",kep!AM39)</f>
        <v>17</v>
      </c>
      <c r="AO40">
        <f>IF(kep!AN39="","",kep!AN39)</f>
        <v>17</v>
      </c>
      <c r="AP40" t="str">
        <f>IF(kep!AO39="","",kep!AO39)</f>
        <v/>
      </c>
      <c r="AQ40" t="str">
        <f>IF(kep!AP39="","",kep!AP39)</f>
        <v/>
      </c>
      <c r="AR40" t="str">
        <f>IF(kep!AQ39="","",kep!AQ39)</f>
        <v/>
      </c>
      <c r="AS40" t="str">
        <f>IF(kep!AR39="","",kep!AR39)</f>
        <v/>
      </c>
      <c r="AT40" t="str">
        <f>IF(kep!AS39="","",kep!AS39)</f>
        <v/>
      </c>
      <c r="AU40" t="str">
        <f>IF(kep!AT39="","",kep!AT39)</f>
        <v/>
      </c>
      <c r="AV40" t="str">
        <f>IF(kep!AU39="","",kep!AU39)</f>
        <v/>
      </c>
      <c r="AW40" t="str">
        <f>IF(kep!AV39="","",kep!AV39)</f>
        <v/>
      </c>
      <c r="AX40" t="str">
        <f>IF(kep!AW39="","",kep!AW39)</f>
        <v/>
      </c>
      <c r="AY40" t="str">
        <f>IF(kep!AX39="","",kep!AX39)</f>
        <v/>
      </c>
    </row>
    <row r="41" spans="2:51" x14ac:dyDescent="0.25">
      <c r="B41" t="str">
        <f>IF(kep!A40="","",kep!A40)</f>
        <v/>
      </c>
      <c r="C41" t="str">
        <f>IF(kep!B40="","",kep!B40)</f>
        <v/>
      </c>
      <c r="D41" t="str">
        <f>IF(kep!C40="","",kep!C40)</f>
        <v/>
      </c>
      <c r="E41" t="str">
        <f>IF(kep!D40="","",kep!D40)</f>
        <v/>
      </c>
      <c r="F41" t="str">
        <f>IF(kep!E40="","",kep!E40)</f>
        <v/>
      </c>
      <c r="G41">
        <f>IF(kep!F40="","",kep!F40)</f>
        <v>18</v>
      </c>
      <c r="H41" t="str">
        <f>IF(kep!G40="","",kep!G40)</f>
        <v/>
      </c>
      <c r="I41" t="str">
        <f>IF(kep!H40="","",kep!H40)</f>
        <v/>
      </c>
      <c r="J41" t="str">
        <f>IF(kep!I40="","",kep!I40)</f>
        <v/>
      </c>
      <c r="K41" t="str">
        <f>IF(kep!J40="","",kep!J40)</f>
        <v/>
      </c>
      <c r="L41" t="str">
        <f>IF(kep!K40="","",kep!K40)</f>
        <v/>
      </c>
      <c r="M41" t="str">
        <f>IF(kep!L40="","",kep!L40)</f>
        <v/>
      </c>
      <c r="N41" t="str">
        <f>IF(kep!M40="","",kep!M40)</f>
        <v/>
      </c>
      <c r="O41" t="str">
        <f>IF(kep!N40="","",kep!N40)</f>
        <v/>
      </c>
      <c r="P41" t="str">
        <f>IF(kep!O40="","",kep!O40)</f>
        <v/>
      </c>
      <c r="Q41" t="str">
        <f>IF(kep!P40="","",kep!P40)</f>
        <v/>
      </c>
      <c r="R41">
        <f>IF(kep!Q40="","",kep!Q40)</f>
        <v>13</v>
      </c>
      <c r="S41">
        <f>IF(kep!R40="","",kep!R40)</f>
        <v>13</v>
      </c>
      <c r="T41">
        <f>IF(kep!S40="","",kep!S40)</f>
        <v>13</v>
      </c>
      <c r="U41">
        <f>IF(kep!T40="","",kep!T40)</f>
        <v>13</v>
      </c>
      <c r="V41">
        <f>IF(kep!U40="","",kep!U40)</f>
        <v>13</v>
      </c>
      <c r="W41">
        <f>IF(kep!V40="","",kep!V40)</f>
        <v>13</v>
      </c>
      <c r="X41">
        <f>IF(kep!W40="","",kep!W40)</f>
        <v>13</v>
      </c>
      <c r="Y41" t="str">
        <f>IF(kep!X40="","",kep!X40)</f>
        <v/>
      </c>
      <c r="Z41" t="str">
        <f>IF(kep!Y40="","",kep!Y40)</f>
        <v/>
      </c>
      <c r="AA41" t="str">
        <f>IF(kep!Z40="","",kep!Z40)</f>
        <v/>
      </c>
      <c r="AB41">
        <f>IF(kep!AA40="","",kep!AA40)</f>
        <v>15</v>
      </c>
      <c r="AC41">
        <f>IF(kep!AB40="","",kep!AB40)</f>
        <v>15</v>
      </c>
      <c r="AD41" t="str">
        <f>IF(kep!AC40="","",kep!AC40)</f>
        <v/>
      </c>
      <c r="AE41" t="str">
        <f>IF(kep!AD40="","",kep!AD40)</f>
        <v/>
      </c>
      <c r="AF41" t="str">
        <f>IF(kep!AE40="","",kep!AE40)</f>
        <v/>
      </c>
      <c r="AG41" t="str">
        <f>IF(kep!AF40="","",kep!AF40)</f>
        <v/>
      </c>
      <c r="AH41" t="str">
        <f>IF(kep!AG40="","",kep!AG40)</f>
        <v/>
      </c>
      <c r="AI41" t="str">
        <f>IF(kep!AH40="","",kep!AH40)</f>
        <v/>
      </c>
      <c r="AJ41" t="str">
        <f>IF(kep!AI40="","",kep!AI40)</f>
        <v/>
      </c>
      <c r="AK41" t="str">
        <f>IF(kep!AJ40="","",kep!AJ40)</f>
        <v/>
      </c>
      <c r="AL41" t="str">
        <f>IF(kep!AK40="","",kep!AK40)</f>
        <v/>
      </c>
      <c r="AM41">
        <f>IF(kep!AL40="","",kep!AL40)</f>
        <v>17</v>
      </c>
      <c r="AN41" t="str">
        <f>IF(kep!AM40="","",kep!AM40)</f>
        <v/>
      </c>
      <c r="AO41">
        <f>IF(kep!AN40="","",kep!AN40)</f>
        <v>17</v>
      </c>
      <c r="AP41">
        <f>IF(kep!AO40="","",kep!AO40)</f>
        <v>17</v>
      </c>
      <c r="AQ41" t="str">
        <f>IF(kep!AP40="","",kep!AP40)</f>
        <v/>
      </c>
      <c r="AR41" t="str">
        <f>IF(kep!AQ40="","",kep!AQ40)</f>
        <v/>
      </c>
      <c r="AS41" t="str">
        <f>IF(kep!AR40="","",kep!AR40)</f>
        <v/>
      </c>
      <c r="AT41" t="str">
        <f>IF(kep!AS40="","",kep!AS40)</f>
        <v/>
      </c>
      <c r="AU41" t="str">
        <f>IF(kep!AT40="","",kep!AT40)</f>
        <v/>
      </c>
      <c r="AV41" t="str">
        <f>IF(kep!AU40="","",kep!AU40)</f>
        <v/>
      </c>
      <c r="AW41" t="str">
        <f>IF(kep!AV40="","",kep!AV40)</f>
        <v/>
      </c>
      <c r="AX41" t="str">
        <f>IF(kep!AW40="","",kep!AW40)</f>
        <v/>
      </c>
      <c r="AY41" t="str">
        <f>IF(kep!AX40="","",kep!AX40)</f>
        <v/>
      </c>
    </row>
    <row r="42" spans="2:51" x14ac:dyDescent="0.25">
      <c r="B42" t="str">
        <f>IF(kep!A41="","",kep!A41)</f>
        <v/>
      </c>
      <c r="C42" t="str">
        <f>IF(kep!B41="","",kep!B41)</f>
        <v/>
      </c>
      <c r="D42" t="str">
        <f>IF(kep!C41="","",kep!C41)</f>
        <v/>
      </c>
      <c r="E42" t="str">
        <f>IF(kep!D41="","",kep!D41)</f>
        <v/>
      </c>
      <c r="F42" t="str">
        <f>IF(kep!E41="","",kep!E41)</f>
        <v/>
      </c>
      <c r="G42">
        <f>IF(kep!F41="","",kep!F41)</f>
        <v>18</v>
      </c>
      <c r="H42" t="str">
        <f>IF(kep!G41="","",kep!G41)</f>
        <v/>
      </c>
      <c r="I42" t="str">
        <f>IF(kep!H41="","",kep!H41)</f>
        <v/>
      </c>
      <c r="J42" t="str">
        <f>IF(kep!I41="","",kep!I41)</f>
        <v/>
      </c>
      <c r="K42" t="str">
        <f>IF(kep!J41="","",kep!J41)</f>
        <v/>
      </c>
      <c r="L42" t="str">
        <f>IF(kep!K41="","",kep!K41)</f>
        <v/>
      </c>
      <c r="M42" t="str">
        <f>IF(kep!L41="","",kep!L41)</f>
        <v/>
      </c>
      <c r="N42" t="str">
        <f>IF(kep!M41="","",kep!M41)</f>
        <v/>
      </c>
      <c r="O42" t="str">
        <f>IF(kep!N41="","",kep!N41)</f>
        <v/>
      </c>
      <c r="P42" t="str">
        <f>IF(kep!O41="","",kep!O41)</f>
        <v/>
      </c>
      <c r="Q42" t="str">
        <f>IF(kep!P41="","",kep!P41)</f>
        <v/>
      </c>
      <c r="R42" t="str">
        <f>IF(kep!Q41="","",kep!Q41)</f>
        <v/>
      </c>
      <c r="S42" t="str">
        <f>IF(kep!R41="","",kep!R41)</f>
        <v/>
      </c>
      <c r="T42" t="str">
        <f>IF(kep!S41="","",kep!S41)</f>
        <v/>
      </c>
      <c r="U42" t="str">
        <f>IF(kep!T41="","",kep!T41)</f>
        <v/>
      </c>
      <c r="V42">
        <f>IF(kep!U41="","",kep!U41)</f>
        <v>13</v>
      </c>
      <c r="W42">
        <f>IF(kep!V41="","",kep!V41)</f>
        <v>13</v>
      </c>
      <c r="X42" t="str">
        <f>IF(kep!W41="","",kep!W41)</f>
        <v/>
      </c>
      <c r="Y42" t="str">
        <f>IF(kep!X41="","",kep!X41)</f>
        <v/>
      </c>
      <c r="Z42" t="str">
        <f>IF(kep!Y41="","",kep!Y41)</f>
        <v/>
      </c>
      <c r="AA42" t="str">
        <f>IF(kep!Z41="","",kep!Z41)</f>
        <v/>
      </c>
      <c r="AB42">
        <f>IF(kep!AA41="","",kep!AA41)</f>
        <v>15</v>
      </c>
      <c r="AC42">
        <f>IF(kep!AB41="","",kep!AB41)</f>
        <v>15</v>
      </c>
      <c r="AD42">
        <f>IF(kep!AC41="","",kep!AC41)</f>
        <v>15</v>
      </c>
      <c r="AE42">
        <f>IF(kep!AD41="","",kep!AD41)</f>
        <v>15</v>
      </c>
      <c r="AF42" t="str">
        <f>IF(kep!AE41="","",kep!AE41)</f>
        <v/>
      </c>
      <c r="AG42" t="str">
        <f>IF(kep!AF41="","",kep!AF41)</f>
        <v/>
      </c>
      <c r="AH42" t="str">
        <f>IF(kep!AG41="","",kep!AG41)</f>
        <v/>
      </c>
      <c r="AI42" t="str">
        <f>IF(kep!AH41="","",kep!AH41)</f>
        <v/>
      </c>
      <c r="AJ42" t="str">
        <f>IF(kep!AI41="","",kep!AI41)</f>
        <v/>
      </c>
      <c r="AK42" t="str">
        <f>IF(kep!AJ41="","",kep!AJ41)</f>
        <v/>
      </c>
      <c r="AL42">
        <f>IF(kep!AK41="","",kep!AK41)</f>
        <v>17</v>
      </c>
      <c r="AM42">
        <f>IF(kep!AL41="","",kep!AL41)</f>
        <v>17</v>
      </c>
      <c r="AN42" t="str">
        <f>IF(kep!AM41="","",kep!AM41)</f>
        <v/>
      </c>
      <c r="AO42">
        <f>IF(kep!AN41="","",kep!AN41)</f>
        <v>17</v>
      </c>
      <c r="AP42">
        <f>IF(kep!AO41="","",kep!AO41)</f>
        <v>17</v>
      </c>
      <c r="AQ42" t="str">
        <f>IF(kep!AP41="","",kep!AP41)</f>
        <v/>
      </c>
      <c r="AR42" t="str">
        <f>IF(kep!AQ41="","",kep!AQ41)</f>
        <v/>
      </c>
      <c r="AS42" t="str">
        <f>IF(kep!AR41="","",kep!AR41)</f>
        <v/>
      </c>
      <c r="AT42" t="str">
        <f>IF(kep!AS41="","",kep!AS41)</f>
        <v/>
      </c>
      <c r="AU42" t="str">
        <f>IF(kep!AT41="","",kep!AT41)</f>
        <v/>
      </c>
      <c r="AV42" t="str">
        <f>IF(kep!AU41="","",kep!AU41)</f>
        <v/>
      </c>
      <c r="AW42" t="str">
        <f>IF(kep!AV41="","",kep!AV41)</f>
        <v/>
      </c>
      <c r="AX42" t="str">
        <f>IF(kep!AW41="","",kep!AW41)</f>
        <v/>
      </c>
      <c r="AY42" t="str">
        <f>IF(kep!AX41="","",kep!AX41)</f>
        <v/>
      </c>
    </row>
    <row r="43" spans="2:51" x14ac:dyDescent="0.25">
      <c r="B43" t="str">
        <f>IF(kep!A42="","",kep!A42)</f>
        <v/>
      </c>
      <c r="C43" t="str">
        <f>IF(kep!B42="","",kep!B42)</f>
        <v/>
      </c>
      <c r="D43" t="str">
        <f>IF(kep!C42="","",kep!C42)</f>
        <v/>
      </c>
      <c r="E43" t="str">
        <f>IF(kep!D42="","",kep!D42)</f>
        <v/>
      </c>
      <c r="F43" t="str">
        <f>IF(kep!E42="","",kep!E42)</f>
        <v/>
      </c>
      <c r="G43" t="str">
        <f>IF(kep!F42="","",kep!F42)</f>
        <v/>
      </c>
      <c r="H43" t="str">
        <f>IF(kep!G42="","",kep!G42)</f>
        <v/>
      </c>
      <c r="I43" t="str">
        <f>IF(kep!H42="","",kep!H42)</f>
        <v/>
      </c>
      <c r="J43" t="str">
        <f>IF(kep!I42="","",kep!I42)</f>
        <v/>
      </c>
      <c r="K43" t="str">
        <f>IF(kep!J42="","",kep!J42)</f>
        <v/>
      </c>
      <c r="L43" t="str">
        <f>IF(kep!K42="","",kep!K42)</f>
        <v/>
      </c>
      <c r="M43" t="str">
        <f>IF(kep!L42="","",kep!L42)</f>
        <v/>
      </c>
      <c r="N43" t="str">
        <f>IF(kep!M42="","",kep!M42)</f>
        <v/>
      </c>
      <c r="O43" t="str">
        <f>IF(kep!N42="","",kep!N42)</f>
        <v/>
      </c>
      <c r="P43" t="str">
        <f>IF(kep!O42="","",kep!O42)</f>
        <v/>
      </c>
      <c r="Q43" t="str">
        <f>IF(kep!P42="","",kep!P42)</f>
        <v/>
      </c>
      <c r="R43" t="str">
        <f>IF(kep!Q42="","",kep!Q42)</f>
        <v/>
      </c>
      <c r="S43" t="str">
        <f>IF(kep!R42="","",kep!R42)</f>
        <v/>
      </c>
      <c r="T43" t="str">
        <f>IF(kep!S42="","",kep!S42)</f>
        <v/>
      </c>
      <c r="U43" t="str">
        <f>IF(kep!T42="","",kep!T42)</f>
        <v/>
      </c>
      <c r="V43">
        <f>IF(kep!U42="","",kep!U42)</f>
        <v>13</v>
      </c>
      <c r="W43">
        <f>IF(kep!V42="","",kep!V42)</f>
        <v>13</v>
      </c>
      <c r="X43" t="str">
        <f>IF(kep!W42="","",kep!W42)</f>
        <v/>
      </c>
      <c r="Y43" t="str">
        <f>IF(kep!X42="","",kep!X42)</f>
        <v/>
      </c>
      <c r="Z43" t="str">
        <f>IF(kep!Y42="","",kep!Y42)</f>
        <v/>
      </c>
      <c r="AA43" t="str">
        <f>IF(kep!Z42="","",kep!Z42)</f>
        <v/>
      </c>
      <c r="AB43">
        <f>IF(kep!AA42="","",kep!AA42)</f>
        <v>15</v>
      </c>
      <c r="AC43">
        <f>IF(kep!AB42="","",kep!AB42)</f>
        <v>15</v>
      </c>
      <c r="AD43" t="str">
        <f>IF(kep!AC42="","",kep!AC42)</f>
        <v/>
      </c>
      <c r="AE43" t="str">
        <f>IF(kep!AD42="","",kep!AD42)</f>
        <v/>
      </c>
      <c r="AF43" t="str">
        <f>IF(kep!AE42="","",kep!AE42)</f>
        <v/>
      </c>
      <c r="AG43" t="str">
        <f>IF(kep!AF42="","",kep!AF42)</f>
        <v/>
      </c>
      <c r="AH43" t="str">
        <f>IF(kep!AG42="","",kep!AG42)</f>
        <v/>
      </c>
      <c r="AI43" t="str">
        <f>IF(kep!AH42="","",kep!AH42)</f>
        <v/>
      </c>
      <c r="AJ43" t="str">
        <f>IF(kep!AI42="","",kep!AI42)</f>
        <v/>
      </c>
      <c r="AK43" t="str">
        <f>IF(kep!AJ42="","",kep!AJ42)</f>
        <v/>
      </c>
      <c r="AL43" t="str">
        <f>IF(kep!AK42="","",kep!AK42)</f>
        <v/>
      </c>
      <c r="AM43">
        <f>IF(kep!AL42="","",kep!AL42)</f>
        <v>17</v>
      </c>
      <c r="AN43">
        <f>IF(kep!AM42="","",kep!AM42)</f>
        <v>17</v>
      </c>
      <c r="AO43" t="str">
        <f>IF(kep!AN42="","",kep!AN42)</f>
        <v/>
      </c>
      <c r="AP43">
        <f>IF(kep!AO42="","",kep!AO42)</f>
        <v>17</v>
      </c>
      <c r="AQ43">
        <f>IF(kep!AP42="","",kep!AP42)</f>
        <v>17</v>
      </c>
      <c r="AR43" t="str">
        <f>IF(kep!AQ42="","",kep!AQ42)</f>
        <v/>
      </c>
      <c r="AS43" t="str">
        <f>IF(kep!AR42="","",kep!AR42)</f>
        <v/>
      </c>
      <c r="AT43" t="str">
        <f>IF(kep!AS42="","",kep!AS42)</f>
        <v/>
      </c>
      <c r="AU43" t="str">
        <f>IF(kep!AT42="","",kep!AT42)</f>
        <v/>
      </c>
      <c r="AV43" t="str">
        <f>IF(kep!AU42="","",kep!AU42)</f>
        <v/>
      </c>
      <c r="AW43" t="str">
        <f>IF(kep!AV42="","",kep!AV42)</f>
        <v/>
      </c>
      <c r="AX43" t="str">
        <f>IF(kep!AW42="","",kep!AW42)</f>
        <v/>
      </c>
      <c r="AY43" t="str">
        <f>IF(kep!AX42="","",kep!AX42)</f>
        <v/>
      </c>
    </row>
    <row r="44" spans="2:51" x14ac:dyDescent="0.25">
      <c r="B44" t="str">
        <f>IF(kep!A43="","",kep!A43)</f>
        <v/>
      </c>
      <c r="C44" t="str">
        <f>IF(kep!B43="","",kep!B43)</f>
        <v/>
      </c>
      <c r="D44" t="str">
        <f>IF(kep!C43="","",kep!C43)</f>
        <v/>
      </c>
      <c r="E44" t="str">
        <f>IF(kep!D43="","",kep!D43)</f>
        <v/>
      </c>
      <c r="F44" t="str">
        <f>IF(kep!E43="","",kep!E43)</f>
        <v/>
      </c>
      <c r="G44" t="str">
        <f>IF(kep!F43="","",kep!F43)</f>
        <v/>
      </c>
      <c r="H44" t="str">
        <f>IF(kep!G43="","",kep!G43)</f>
        <v/>
      </c>
      <c r="I44" t="str">
        <f>IF(kep!H43="","",kep!H43)</f>
        <v/>
      </c>
      <c r="J44" t="str">
        <f>IF(kep!I43="","",kep!I43)</f>
        <v/>
      </c>
      <c r="K44" t="str">
        <f>IF(kep!J43="","",kep!J43)</f>
        <v/>
      </c>
      <c r="L44" t="str">
        <f>IF(kep!K43="","",kep!K43)</f>
        <v/>
      </c>
      <c r="M44" t="str">
        <f>IF(kep!L43="","",kep!L43)</f>
        <v/>
      </c>
      <c r="N44" t="str">
        <f>IF(kep!M43="","",kep!M43)</f>
        <v/>
      </c>
      <c r="O44" t="str">
        <f>IF(kep!N43="","",kep!N43)</f>
        <v/>
      </c>
      <c r="P44" t="str">
        <f>IF(kep!O43="","",kep!O43)</f>
        <v/>
      </c>
      <c r="Q44" t="str">
        <f>IF(kep!P43="","",kep!P43)</f>
        <v/>
      </c>
      <c r="R44" t="str">
        <f>IF(kep!Q43="","",kep!Q43)</f>
        <v/>
      </c>
      <c r="S44" t="str">
        <f>IF(kep!R43="","",kep!R43)</f>
        <v/>
      </c>
      <c r="T44" t="str">
        <f>IF(kep!S43="","",kep!S43)</f>
        <v/>
      </c>
      <c r="U44" t="str">
        <f>IF(kep!T43="","",kep!T43)</f>
        <v/>
      </c>
      <c r="V44" t="str">
        <f>IF(kep!U43="","",kep!U43)</f>
        <v/>
      </c>
      <c r="W44">
        <f>IF(kep!V43="","",kep!V43)</f>
        <v>13</v>
      </c>
      <c r="X44" t="str">
        <f>IF(kep!W43="","",kep!W43)</f>
        <v/>
      </c>
      <c r="Y44" t="str">
        <f>IF(kep!X43="","",kep!X43)</f>
        <v/>
      </c>
      <c r="Z44" t="str">
        <f>IF(kep!Y43="","",kep!Y43)</f>
        <v/>
      </c>
      <c r="AA44" t="str">
        <f>IF(kep!Z43="","",kep!Z43)</f>
        <v/>
      </c>
      <c r="AB44">
        <f>IF(kep!AA43="","",kep!AA43)</f>
        <v>15</v>
      </c>
      <c r="AC44">
        <f>IF(kep!AB43="","",kep!AB43)</f>
        <v>15</v>
      </c>
      <c r="AD44">
        <f>IF(kep!AC43="","",kep!AC43)</f>
        <v>15</v>
      </c>
      <c r="AE44">
        <f>IF(kep!AD43="","",kep!AD43)</f>
        <v>15</v>
      </c>
      <c r="AF44" t="str">
        <f>IF(kep!AE43="","",kep!AE43)</f>
        <v/>
      </c>
      <c r="AG44" t="str">
        <f>IF(kep!AF43="","",kep!AF43)</f>
        <v/>
      </c>
      <c r="AH44" t="str">
        <f>IF(kep!AG43="","",kep!AG43)</f>
        <v/>
      </c>
      <c r="AI44" t="str">
        <f>IF(kep!AH43="","",kep!AH43)</f>
        <v/>
      </c>
      <c r="AJ44" t="str">
        <f>IF(kep!AI43="","",kep!AI43)</f>
        <v/>
      </c>
      <c r="AK44" t="str">
        <f>IF(kep!AJ43="","",kep!AJ43)</f>
        <v/>
      </c>
      <c r="AL44" t="str">
        <f>IF(kep!AK43="","",kep!AK43)</f>
        <v/>
      </c>
      <c r="AM44" t="str">
        <f>IF(kep!AL43="","",kep!AL43)</f>
        <v/>
      </c>
      <c r="AN44" t="str">
        <f>IF(kep!AM43="","",kep!AM43)</f>
        <v/>
      </c>
      <c r="AO44" t="str">
        <f>IF(kep!AN43="","",kep!AN43)</f>
        <v/>
      </c>
      <c r="AP44" t="str">
        <f>IF(kep!AO43="","",kep!AO43)</f>
        <v/>
      </c>
      <c r="AQ44" t="str">
        <f>IF(kep!AP43="","",kep!AP43)</f>
        <v/>
      </c>
      <c r="AR44" t="str">
        <f>IF(kep!AQ43="","",kep!AQ43)</f>
        <v/>
      </c>
      <c r="AS44" t="str">
        <f>IF(kep!AR43="","",kep!AR43)</f>
        <v/>
      </c>
      <c r="AT44" t="str">
        <f>IF(kep!AS43="","",kep!AS43)</f>
        <v/>
      </c>
      <c r="AU44" t="str">
        <f>IF(kep!AT43="","",kep!AT43)</f>
        <v/>
      </c>
      <c r="AV44" t="str">
        <f>IF(kep!AU43="","",kep!AU43)</f>
        <v/>
      </c>
      <c r="AW44" t="str">
        <f>IF(kep!AV43="","",kep!AV43)</f>
        <v/>
      </c>
      <c r="AX44" t="str">
        <f>IF(kep!AW43="","",kep!AW43)</f>
        <v/>
      </c>
      <c r="AY44" t="str">
        <f>IF(kep!AX43="","",kep!AX43)</f>
        <v/>
      </c>
    </row>
    <row r="45" spans="2:51" x14ac:dyDescent="0.25">
      <c r="B45" t="str">
        <f>IF(kep!A44="","",kep!A44)</f>
        <v/>
      </c>
      <c r="C45" t="str">
        <f>IF(kep!B44="","",kep!B44)</f>
        <v/>
      </c>
      <c r="D45" t="str">
        <f>IF(kep!C44="","",kep!C44)</f>
        <v/>
      </c>
      <c r="E45" t="str">
        <f>IF(kep!D44="","",kep!D44)</f>
        <v/>
      </c>
      <c r="F45" t="str">
        <f>IF(kep!E44="","",kep!E44)</f>
        <v/>
      </c>
      <c r="G45" t="str">
        <f>IF(kep!F44="","",kep!F44)</f>
        <v/>
      </c>
      <c r="H45" t="str">
        <f>IF(kep!G44="","",kep!G44)</f>
        <v/>
      </c>
      <c r="I45" t="str">
        <f>IF(kep!H44="","",kep!H44)</f>
        <v/>
      </c>
      <c r="J45" t="str">
        <f>IF(kep!I44="","",kep!I44)</f>
        <v/>
      </c>
      <c r="K45" t="str">
        <f>IF(kep!J44="","",kep!J44)</f>
        <v/>
      </c>
      <c r="L45" t="str">
        <f>IF(kep!K44="","",kep!K44)</f>
        <v/>
      </c>
      <c r="M45" t="str">
        <f>IF(kep!L44="","",kep!L44)</f>
        <v/>
      </c>
      <c r="N45" t="str">
        <f>IF(kep!M44="","",kep!M44)</f>
        <v/>
      </c>
      <c r="O45" t="str">
        <f>IF(kep!N44="","",kep!N44)</f>
        <v/>
      </c>
      <c r="P45" t="str">
        <f>IF(kep!O44="","",kep!O44)</f>
        <v/>
      </c>
      <c r="Q45" t="str">
        <f>IF(kep!P44="","",kep!P44)</f>
        <v/>
      </c>
      <c r="R45" t="str">
        <f>IF(kep!Q44="","",kep!Q44)</f>
        <v/>
      </c>
      <c r="S45" t="str">
        <f>IF(kep!R44="","",kep!R44)</f>
        <v/>
      </c>
      <c r="T45" t="str">
        <f>IF(kep!S44="","",kep!S44)</f>
        <v/>
      </c>
      <c r="U45" t="str">
        <f>IF(kep!T44="","",kep!T44)</f>
        <v/>
      </c>
      <c r="V45" t="str">
        <f>IF(kep!U44="","",kep!U44)</f>
        <v/>
      </c>
      <c r="W45">
        <f>IF(kep!V44="","",kep!V44)</f>
        <v>13</v>
      </c>
      <c r="X45" t="str">
        <f>IF(kep!W44="","",kep!W44)</f>
        <v/>
      </c>
      <c r="Y45" t="str">
        <f>IF(kep!X44="","",kep!X44)</f>
        <v/>
      </c>
      <c r="Z45" t="str">
        <f>IF(kep!Y44="","",kep!Y44)</f>
        <v/>
      </c>
      <c r="AA45" t="str">
        <f>IF(kep!Z44="","",kep!Z44)</f>
        <v/>
      </c>
      <c r="AB45" t="str">
        <f>IF(kep!AA44="","",kep!AA44)</f>
        <v/>
      </c>
      <c r="AC45" t="str">
        <f>IF(kep!AB44="","",kep!AB44)</f>
        <v/>
      </c>
      <c r="AD45" t="str">
        <f>IF(kep!AC44="","",kep!AC44)</f>
        <v/>
      </c>
      <c r="AE45" t="str">
        <f>IF(kep!AD44="","",kep!AD44)</f>
        <v/>
      </c>
      <c r="AF45" t="str">
        <f>IF(kep!AE44="","",kep!AE44)</f>
        <v/>
      </c>
      <c r="AG45" t="str">
        <f>IF(kep!AF44="","",kep!AF44)</f>
        <v/>
      </c>
      <c r="AH45" t="str">
        <f>IF(kep!AG44="","",kep!AG44)</f>
        <v/>
      </c>
      <c r="AI45" t="str">
        <f>IF(kep!AH44="","",kep!AH44)</f>
        <v/>
      </c>
      <c r="AJ45" t="str">
        <f>IF(kep!AI44="","",kep!AI44)</f>
        <v/>
      </c>
      <c r="AK45" t="str">
        <f>IF(kep!AJ44="","",kep!AJ44)</f>
        <v/>
      </c>
      <c r="AL45" t="str">
        <f>IF(kep!AK44="","",kep!AK44)</f>
        <v/>
      </c>
      <c r="AM45">
        <f>IF(kep!AL44="","",kep!AL44)</f>
        <v>3</v>
      </c>
      <c r="AN45">
        <f>IF(kep!AM44="","",kep!AM44)</f>
        <v>3</v>
      </c>
      <c r="AO45">
        <f>IF(kep!AN44="","",kep!AN44)</f>
        <v>3</v>
      </c>
      <c r="AP45">
        <f>IF(kep!AO44="","",kep!AO44)</f>
        <v>3</v>
      </c>
      <c r="AQ45">
        <f>IF(kep!AP44="","",kep!AP44)</f>
        <v>3</v>
      </c>
      <c r="AR45" t="str">
        <f>IF(kep!AQ44="","",kep!AQ44)</f>
        <v/>
      </c>
      <c r="AS45" t="str">
        <f>IF(kep!AR44="","",kep!AR44)</f>
        <v/>
      </c>
      <c r="AT45" t="str">
        <f>IF(kep!AS44="","",kep!AS44)</f>
        <v/>
      </c>
      <c r="AU45" t="str">
        <f>IF(kep!AT44="","",kep!AT44)</f>
        <v/>
      </c>
      <c r="AV45" t="str">
        <f>IF(kep!AU44="","",kep!AU44)</f>
        <v/>
      </c>
      <c r="AW45" t="str">
        <f>IF(kep!AV44="","",kep!AV44)</f>
        <v/>
      </c>
      <c r="AX45" t="str">
        <f>IF(kep!AW44="","",kep!AW44)</f>
        <v/>
      </c>
      <c r="AY45" t="str">
        <f>IF(kep!AX44="","",kep!AX44)</f>
        <v/>
      </c>
    </row>
    <row r="46" spans="2:51" x14ac:dyDescent="0.25">
      <c r="B46" t="str">
        <f>IF(kep!A45="","",kep!A45)</f>
        <v/>
      </c>
      <c r="C46" t="str">
        <f>IF(kep!B45="","",kep!B45)</f>
        <v/>
      </c>
      <c r="D46" t="str">
        <f>IF(kep!C45="","",kep!C45)</f>
        <v/>
      </c>
      <c r="E46" t="str">
        <f>IF(kep!D45="","",kep!D45)</f>
        <v/>
      </c>
      <c r="F46" t="str">
        <f>IF(kep!E45="","",kep!E45)</f>
        <v/>
      </c>
      <c r="G46" t="str">
        <f>IF(kep!F45="","",kep!F45)</f>
        <v/>
      </c>
      <c r="H46" t="str">
        <f>IF(kep!G45="","",kep!G45)</f>
        <v/>
      </c>
      <c r="I46" t="str">
        <f>IF(kep!H45="","",kep!H45)</f>
        <v/>
      </c>
      <c r="J46" t="str">
        <f>IF(kep!I45="","",kep!I45)</f>
        <v/>
      </c>
      <c r="K46" t="str">
        <f>IF(kep!J45="","",kep!J45)</f>
        <v/>
      </c>
      <c r="L46" t="str">
        <f>IF(kep!K45="","",kep!K45)</f>
        <v/>
      </c>
      <c r="M46" t="str">
        <f>IF(kep!L45="","",kep!L45)</f>
        <v/>
      </c>
      <c r="N46" t="str">
        <f>IF(kep!M45="","",kep!M45)</f>
        <v/>
      </c>
      <c r="O46" t="str">
        <f>IF(kep!N45="","",kep!N45)</f>
        <v/>
      </c>
      <c r="P46" t="str">
        <f>IF(kep!O45="","",kep!O45)</f>
        <v/>
      </c>
      <c r="Q46" t="str">
        <f>IF(kep!P45="","",kep!P45)</f>
        <v/>
      </c>
      <c r="R46" t="str">
        <f>IF(kep!Q45="","",kep!Q45)</f>
        <v/>
      </c>
      <c r="S46" t="str">
        <f>IF(kep!R45="","",kep!R45)</f>
        <v/>
      </c>
      <c r="T46" t="str">
        <f>IF(kep!S45="","",kep!S45)</f>
        <v/>
      </c>
      <c r="U46" t="str">
        <f>IF(kep!T45="","",kep!T45)</f>
        <v/>
      </c>
      <c r="V46" t="str">
        <f>IF(kep!U45="","",kep!U45)</f>
        <v/>
      </c>
      <c r="W46" t="str">
        <f>IF(kep!V45="","",kep!V45)</f>
        <v/>
      </c>
      <c r="X46" t="str">
        <f>IF(kep!W45="","",kep!W45)</f>
        <v/>
      </c>
      <c r="Y46" t="str">
        <f>IF(kep!X45="","",kep!X45)</f>
        <v/>
      </c>
      <c r="Z46" t="str">
        <f>IF(kep!Y45="","",kep!Y45)</f>
        <v/>
      </c>
      <c r="AA46" t="str">
        <f>IF(kep!Z45="","",kep!Z45)</f>
        <v/>
      </c>
      <c r="AB46" t="str">
        <f>IF(kep!AA45="","",kep!AA45)</f>
        <v/>
      </c>
      <c r="AC46" t="str">
        <f>IF(kep!AB45="","",kep!AB45)</f>
        <v/>
      </c>
      <c r="AD46" t="str">
        <f>IF(kep!AC45="","",kep!AC45)</f>
        <v/>
      </c>
      <c r="AE46" t="str">
        <f>IF(kep!AD45="","",kep!AD45)</f>
        <v/>
      </c>
      <c r="AF46" t="str">
        <f>IF(kep!AE45="","",kep!AE45)</f>
        <v/>
      </c>
      <c r="AG46" t="str">
        <f>IF(kep!AF45="","",kep!AF45)</f>
        <v/>
      </c>
      <c r="AH46" t="str">
        <f>IF(kep!AG45="","",kep!AG45)</f>
        <v/>
      </c>
      <c r="AI46" t="str">
        <f>IF(kep!AH45="","",kep!AH45)</f>
        <v/>
      </c>
      <c r="AJ46" t="str">
        <f>IF(kep!AI45="","",kep!AI45)</f>
        <v/>
      </c>
      <c r="AK46" t="str">
        <f>IF(kep!AJ45="","",kep!AJ45)</f>
        <v/>
      </c>
      <c r="AL46" t="str">
        <f>IF(kep!AK45="","",kep!AK45)</f>
        <v/>
      </c>
      <c r="AM46">
        <f>IF(kep!AL45="","",kep!AL45)</f>
        <v>3</v>
      </c>
      <c r="AN46">
        <f>IF(kep!AM45="","",kep!AM45)</f>
        <v>3</v>
      </c>
      <c r="AO46">
        <f>IF(kep!AN45="","",kep!AN45)</f>
        <v>3</v>
      </c>
      <c r="AP46">
        <f>IF(kep!AO45="","",kep!AO45)</f>
        <v>3</v>
      </c>
      <c r="AQ46">
        <f>IF(kep!AP45="","",kep!AP45)</f>
        <v>3</v>
      </c>
      <c r="AR46">
        <f>IF(kep!AQ45="","",kep!AQ45)</f>
        <v>3</v>
      </c>
      <c r="AS46" t="str">
        <f>IF(kep!AR45="","",kep!AR45)</f>
        <v/>
      </c>
      <c r="AT46" t="str">
        <f>IF(kep!AS45="","",kep!AS45)</f>
        <v/>
      </c>
      <c r="AU46" t="str">
        <f>IF(kep!AT45="","",kep!AT45)</f>
        <v/>
      </c>
      <c r="AV46" t="str">
        <f>IF(kep!AU45="","",kep!AU45)</f>
        <v/>
      </c>
      <c r="AW46" t="str">
        <f>IF(kep!AV45="","",kep!AV45)</f>
        <v/>
      </c>
      <c r="AX46" t="str">
        <f>IF(kep!AW45="","",kep!AW45)</f>
        <v/>
      </c>
      <c r="AY46" t="str">
        <f>IF(kep!AX45="","",kep!AX45)</f>
        <v/>
      </c>
    </row>
    <row r="47" spans="2:51" x14ac:dyDescent="0.25">
      <c r="B47" t="str">
        <f>IF(kep!A46="","",kep!A46)</f>
        <v/>
      </c>
      <c r="C47" t="str">
        <f>IF(kep!B46="","",kep!B46)</f>
        <v/>
      </c>
      <c r="D47" t="str">
        <f>IF(kep!C46="","",kep!C46)</f>
        <v/>
      </c>
      <c r="E47" t="str">
        <f>IF(kep!D46="","",kep!D46)</f>
        <v/>
      </c>
      <c r="F47" t="str">
        <f>IF(kep!E46="","",kep!E46)</f>
        <v/>
      </c>
      <c r="G47" t="str">
        <f>IF(kep!F46="","",kep!F46)</f>
        <v/>
      </c>
      <c r="H47" t="str">
        <f>IF(kep!G46="","",kep!G46)</f>
        <v/>
      </c>
      <c r="I47" t="str">
        <f>IF(kep!H46="","",kep!H46)</f>
        <v/>
      </c>
      <c r="J47" t="str">
        <f>IF(kep!I46="","",kep!I46)</f>
        <v/>
      </c>
      <c r="K47" t="str">
        <f>IF(kep!J46="","",kep!J46)</f>
        <v/>
      </c>
      <c r="L47" t="str">
        <f>IF(kep!K46="","",kep!K46)</f>
        <v/>
      </c>
      <c r="M47" t="str">
        <f>IF(kep!L46="","",kep!L46)</f>
        <v/>
      </c>
      <c r="N47" t="str">
        <f>IF(kep!M46="","",kep!M46)</f>
        <v/>
      </c>
      <c r="O47" t="str">
        <f>IF(kep!N46="","",kep!N46)</f>
        <v/>
      </c>
      <c r="P47" t="str">
        <f>IF(kep!O46="","",kep!O46)</f>
        <v/>
      </c>
      <c r="Q47" t="str">
        <f>IF(kep!P46="","",kep!P46)</f>
        <v/>
      </c>
      <c r="R47" t="str">
        <f>IF(kep!Q46="","",kep!Q46)</f>
        <v/>
      </c>
      <c r="S47" t="str">
        <f>IF(kep!R46="","",kep!R46)</f>
        <v/>
      </c>
      <c r="T47" t="str">
        <f>IF(kep!S46="","",kep!S46)</f>
        <v/>
      </c>
      <c r="U47" t="str">
        <f>IF(kep!T46="","",kep!T46)</f>
        <v/>
      </c>
      <c r="V47" t="str">
        <f>IF(kep!U46="","",kep!U46)</f>
        <v/>
      </c>
      <c r="W47" t="str">
        <f>IF(kep!V46="","",kep!V46)</f>
        <v/>
      </c>
      <c r="X47" t="str">
        <f>IF(kep!W46="","",kep!W46)</f>
        <v/>
      </c>
      <c r="Y47" t="str">
        <f>IF(kep!X46="","",kep!X46)</f>
        <v/>
      </c>
      <c r="Z47" t="str">
        <f>IF(kep!Y46="","",kep!Y46)</f>
        <v/>
      </c>
      <c r="AA47" t="str">
        <f>IF(kep!Z46="","",kep!Z46)</f>
        <v/>
      </c>
      <c r="AB47" t="str">
        <f>IF(kep!AA46="","",kep!AA46)</f>
        <v/>
      </c>
      <c r="AC47" t="str">
        <f>IF(kep!AB46="","",kep!AB46)</f>
        <v/>
      </c>
      <c r="AD47" t="str">
        <f>IF(kep!AC46="","",kep!AC46)</f>
        <v/>
      </c>
      <c r="AE47" t="str">
        <f>IF(kep!AD46="","",kep!AD46)</f>
        <v/>
      </c>
      <c r="AF47" t="str">
        <f>IF(kep!AE46="","",kep!AE46)</f>
        <v/>
      </c>
      <c r="AG47" t="str">
        <f>IF(kep!AF46="","",kep!AF46)</f>
        <v/>
      </c>
      <c r="AH47" t="str">
        <f>IF(kep!AG46="","",kep!AG46)</f>
        <v/>
      </c>
      <c r="AI47" t="str">
        <f>IF(kep!AH46="","",kep!AH46)</f>
        <v/>
      </c>
      <c r="AJ47" t="str">
        <f>IF(kep!AI46="","",kep!AI46)</f>
        <v/>
      </c>
      <c r="AK47" t="str">
        <f>IF(kep!AJ46="","",kep!AJ46)</f>
        <v/>
      </c>
      <c r="AL47" t="str">
        <f>IF(kep!AK46="","",kep!AK46)</f>
        <v/>
      </c>
      <c r="AM47" t="str">
        <f>IF(kep!AL46="","",kep!AL46)</f>
        <v/>
      </c>
      <c r="AN47" t="str">
        <f>IF(kep!AM46="","",kep!AM46)</f>
        <v/>
      </c>
      <c r="AO47" t="str">
        <f>IF(kep!AN46="","",kep!AN46)</f>
        <v/>
      </c>
      <c r="AP47" t="str">
        <f>IF(kep!AO46="","",kep!AO46)</f>
        <v/>
      </c>
      <c r="AQ47">
        <f>IF(kep!AP46="","",kep!AP46)</f>
        <v>3</v>
      </c>
      <c r="AR47" t="str">
        <f>IF(kep!AQ46="","",kep!AQ46)</f>
        <v/>
      </c>
      <c r="AS47">
        <f>IF(kep!AR46="","",kep!AR46)</f>
        <v>3</v>
      </c>
      <c r="AT47" t="str">
        <f>IF(kep!AS46="","",kep!AS46)</f>
        <v/>
      </c>
      <c r="AU47" t="str">
        <f>IF(kep!AT46="","",kep!AT46)</f>
        <v/>
      </c>
      <c r="AV47" t="str">
        <f>IF(kep!AU46="","",kep!AU46)</f>
        <v/>
      </c>
      <c r="AW47" t="str">
        <f>IF(kep!AV46="","",kep!AV46)</f>
        <v/>
      </c>
      <c r="AX47" t="str">
        <f>IF(kep!AW46="","",kep!AW46)</f>
        <v/>
      </c>
      <c r="AY47" t="str">
        <f>IF(kep!AX46="","",kep!AX46)</f>
        <v/>
      </c>
    </row>
    <row r="48" spans="2:51" x14ac:dyDescent="0.25">
      <c r="B48" t="str">
        <f>IF(kep!A47="","",kep!A47)</f>
        <v/>
      </c>
      <c r="C48" t="str">
        <f>IF(kep!B47="","",kep!B47)</f>
        <v/>
      </c>
      <c r="D48" t="str">
        <f>IF(kep!C47="","",kep!C47)</f>
        <v/>
      </c>
      <c r="E48" t="str">
        <f>IF(kep!D47="","",kep!D47)</f>
        <v/>
      </c>
      <c r="F48" t="str">
        <f>IF(kep!E47="","",kep!E47)</f>
        <v/>
      </c>
      <c r="G48" t="str">
        <f>IF(kep!F47="","",kep!F47)</f>
        <v/>
      </c>
      <c r="H48" t="str">
        <f>IF(kep!G47="","",kep!G47)</f>
        <v/>
      </c>
      <c r="I48" t="str">
        <f>IF(kep!H47="","",kep!H47)</f>
        <v/>
      </c>
      <c r="J48" t="str">
        <f>IF(kep!I47="","",kep!I47)</f>
        <v/>
      </c>
      <c r="K48" t="str">
        <f>IF(kep!J47="","",kep!J47)</f>
        <v/>
      </c>
      <c r="L48" t="str">
        <f>IF(kep!K47="","",kep!K47)</f>
        <v/>
      </c>
      <c r="M48" t="str">
        <f>IF(kep!L47="","",kep!L47)</f>
        <v/>
      </c>
      <c r="N48" t="str">
        <f>IF(kep!M47="","",kep!M47)</f>
        <v/>
      </c>
      <c r="O48" t="str">
        <f>IF(kep!N47="","",kep!N47)</f>
        <v/>
      </c>
      <c r="P48" t="str">
        <f>IF(kep!O47="","",kep!O47)</f>
        <v/>
      </c>
      <c r="Q48" t="str">
        <f>IF(kep!P47="","",kep!P47)</f>
        <v/>
      </c>
      <c r="R48" t="str">
        <f>IF(kep!Q47="","",kep!Q47)</f>
        <v/>
      </c>
      <c r="S48" t="str">
        <f>IF(kep!R47="","",kep!R47)</f>
        <v/>
      </c>
      <c r="T48" t="str">
        <f>IF(kep!S47="","",kep!S47)</f>
        <v/>
      </c>
      <c r="U48" t="str">
        <f>IF(kep!T47="","",kep!T47)</f>
        <v/>
      </c>
      <c r="V48" t="str">
        <f>IF(kep!U47="","",kep!U47)</f>
        <v/>
      </c>
      <c r="W48" t="str">
        <f>IF(kep!V47="","",kep!V47)</f>
        <v/>
      </c>
      <c r="X48" t="str">
        <f>IF(kep!W47="","",kep!W47)</f>
        <v/>
      </c>
      <c r="Y48" t="str">
        <f>IF(kep!X47="","",kep!X47)</f>
        <v/>
      </c>
      <c r="Z48" t="str">
        <f>IF(kep!Y47="","",kep!Y47)</f>
        <v/>
      </c>
      <c r="AA48" t="str">
        <f>IF(kep!Z47="","",kep!Z47)</f>
        <v/>
      </c>
      <c r="AB48" t="str">
        <f>IF(kep!AA47="","",kep!AA47)</f>
        <v/>
      </c>
      <c r="AC48" t="str">
        <f>IF(kep!AB47="","",kep!AB47)</f>
        <v/>
      </c>
      <c r="AD48" t="str">
        <f>IF(kep!AC47="","",kep!AC47)</f>
        <v/>
      </c>
      <c r="AE48" t="str">
        <f>IF(kep!AD47="","",kep!AD47)</f>
        <v/>
      </c>
      <c r="AF48" t="str">
        <f>IF(kep!AE47="","",kep!AE47)</f>
        <v/>
      </c>
      <c r="AG48" t="str">
        <f>IF(kep!AF47="","",kep!AF47)</f>
        <v/>
      </c>
      <c r="AH48" t="str">
        <f>IF(kep!AG47="","",kep!AG47)</f>
        <v/>
      </c>
      <c r="AI48" t="str">
        <f>IF(kep!AH47="","",kep!AH47)</f>
        <v/>
      </c>
      <c r="AJ48" t="str">
        <f>IF(kep!AI47="","",kep!AI47)</f>
        <v/>
      </c>
      <c r="AK48" t="str">
        <f>IF(kep!AJ47="","",kep!AJ47)</f>
        <v/>
      </c>
      <c r="AL48" t="str">
        <f>IF(kep!AK47="","",kep!AK47)</f>
        <v/>
      </c>
      <c r="AM48" t="str">
        <f>IF(kep!AL47="","",kep!AL47)</f>
        <v/>
      </c>
      <c r="AN48" t="str">
        <f>IF(kep!AM47="","",kep!AM47)</f>
        <v/>
      </c>
      <c r="AO48" t="str">
        <f>IF(kep!AN47="","",kep!AN47)</f>
        <v/>
      </c>
      <c r="AP48" t="str">
        <f>IF(kep!AO47="","",kep!AO47)</f>
        <v/>
      </c>
      <c r="AQ48">
        <f>IF(kep!AP47="","",kep!AP47)</f>
        <v>3</v>
      </c>
      <c r="AR48">
        <f>IF(kep!AQ47="","",kep!AQ47)</f>
        <v>3</v>
      </c>
      <c r="AS48">
        <f>IF(kep!AR47="","",kep!AR47)</f>
        <v>3</v>
      </c>
      <c r="AT48" t="str">
        <f>IF(kep!AS47="","",kep!AS47)</f>
        <v/>
      </c>
      <c r="AU48" t="str">
        <f>IF(kep!AT47="","",kep!AT47)</f>
        <v/>
      </c>
      <c r="AV48" t="str">
        <f>IF(kep!AU47="","",kep!AU47)</f>
        <v/>
      </c>
      <c r="AW48" t="str">
        <f>IF(kep!AV47="","",kep!AV47)</f>
        <v/>
      </c>
      <c r="AX48" t="str">
        <f>IF(kep!AW47="","",kep!AW47)</f>
        <v/>
      </c>
      <c r="AY48" t="str">
        <f>IF(kep!AX47="","",kep!AX47)</f>
        <v/>
      </c>
    </row>
    <row r="49" spans="2:51" x14ac:dyDescent="0.25">
      <c r="B49" t="str">
        <f>IF(kep!A48="","",kep!A48)</f>
        <v/>
      </c>
      <c r="C49" t="str">
        <f>IF(kep!B48="","",kep!B48)</f>
        <v/>
      </c>
      <c r="D49" t="str">
        <f>IF(kep!C48="","",kep!C48)</f>
        <v/>
      </c>
      <c r="E49" t="str">
        <f>IF(kep!D48="","",kep!D48)</f>
        <v/>
      </c>
      <c r="F49" t="str">
        <f>IF(kep!E48="","",kep!E48)</f>
        <v/>
      </c>
      <c r="G49" t="str">
        <f>IF(kep!F48="","",kep!F48)</f>
        <v/>
      </c>
      <c r="H49" t="str">
        <f>IF(kep!G48="","",kep!G48)</f>
        <v/>
      </c>
      <c r="I49" t="str">
        <f>IF(kep!H48="","",kep!H48)</f>
        <v/>
      </c>
      <c r="J49" t="str">
        <f>IF(kep!I48="","",kep!I48)</f>
        <v/>
      </c>
      <c r="K49" t="str">
        <f>IF(kep!J48="","",kep!J48)</f>
        <v/>
      </c>
      <c r="L49" t="str">
        <f>IF(kep!K48="","",kep!K48)</f>
        <v/>
      </c>
      <c r="M49" t="str">
        <f>IF(kep!L48="","",kep!L48)</f>
        <v/>
      </c>
      <c r="N49" t="str">
        <f>IF(kep!M48="","",kep!M48)</f>
        <v/>
      </c>
      <c r="O49" t="str">
        <f>IF(kep!N48="","",kep!N48)</f>
        <v/>
      </c>
      <c r="P49" t="str">
        <f>IF(kep!O48="","",kep!O48)</f>
        <v/>
      </c>
      <c r="Q49" t="str">
        <f>IF(kep!P48="","",kep!P48)</f>
        <v/>
      </c>
      <c r="R49" t="str">
        <f>IF(kep!Q48="","",kep!Q48)</f>
        <v/>
      </c>
      <c r="S49" t="str">
        <f>IF(kep!R48="","",kep!R48)</f>
        <v/>
      </c>
      <c r="T49" t="str">
        <f>IF(kep!S48="","",kep!S48)</f>
        <v/>
      </c>
      <c r="U49" t="str">
        <f>IF(kep!T48="","",kep!T48)</f>
        <v/>
      </c>
      <c r="V49" t="str">
        <f>IF(kep!U48="","",kep!U48)</f>
        <v/>
      </c>
      <c r="W49" t="str">
        <f>IF(kep!V48="","",kep!V48)</f>
        <v/>
      </c>
      <c r="X49" t="str">
        <f>IF(kep!W48="","",kep!W48)</f>
        <v/>
      </c>
      <c r="Y49" t="str">
        <f>IF(kep!X48="","",kep!X48)</f>
        <v/>
      </c>
      <c r="Z49" t="str">
        <f>IF(kep!Y48="","",kep!Y48)</f>
        <v/>
      </c>
      <c r="AA49" t="str">
        <f>IF(kep!Z48="","",kep!Z48)</f>
        <v/>
      </c>
      <c r="AB49" t="str">
        <f>IF(kep!AA48="","",kep!AA48)</f>
        <v/>
      </c>
      <c r="AC49" t="str">
        <f>IF(kep!AB48="","",kep!AB48)</f>
        <v/>
      </c>
      <c r="AD49" t="str">
        <f>IF(kep!AC48="","",kep!AC48)</f>
        <v/>
      </c>
      <c r="AE49" t="str">
        <f>IF(kep!AD48="","",kep!AD48)</f>
        <v/>
      </c>
      <c r="AF49" t="str">
        <f>IF(kep!AE48="","",kep!AE48)</f>
        <v/>
      </c>
      <c r="AG49" t="str">
        <f>IF(kep!AF48="","",kep!AF48)</f>
        <v/>
      </c>
      <c r="AH49" t="str">
        <f>IF(kep!AG48="","",kep!AG48)</f>
        <v/>
      </c>
      <c r="AI49" t="str">
        <f>IF(kep!AH48="","",kep!AH48)</f>
        <v/>
      </c>
      <c r="AJ49" t="str">
        <f>IF(kep!AI48="","",kep!AI48)</f>
        <v/>
      </c>
      <c r="AK49" t="str">
        <f>IF(kep!AJ48="","",kep!AJ48)</f>
        <v/>
      </c>
      <c r="AL49" t="str">
        <f>IF(kep!AK48="","",kep!AK48)</f>
        <v/>
      </c>
      <c r="AM49" t="str">
        <f>IF(kep!AL48="","",kep!AL48)</f>
        <v/>
      </c>
      <c r="AN49" t="str">
        <f>IF(kep!AM48="","",kep!AM48)</f>
        <v/>
      </c>
      <c r="AO49" t="str">
        <f>IF(kep!AN48="","",kep!AN48)</f>
        <v/>
      </c>
      <c r="AP49" t="str">
        <f>IF(kep!AO48="","",kep!AO48)</f>
        <v/>
      </c>
      <c r="AQ49" t="str">
        <f>IF(kep!AP48="","",kep!AP48)</f>
        <v/>
      </c>
      <c r="AR49" t="str">
        <f>IF(kep!AQ48="","",kep!AQ48)</f>
        <v/>
      </c>
      <c r="AS49" t="str">
        <f>IF(kep!AR48="","",kep!AR48)</f>
        <v/>
      </c>
      <c r="AT49" t="str">
        <f>IF(kep!AS48="","",kep!AS48)</f>
        <v/>
      </c>
      <c r="AU49" t="str">
        <f>IF(kep!AT48="","",kep!AT48)</f>
        <v/>
      </c>
      <c r="AV49" t="str">
        <f>IF(kep!AU48="","",kep!AU48)</f>
        <v/>
      </c>
      <c r="AW49" t="str">
        <f>IF(kep!AV48="","",kep!AV48)</f>
        <v/>
      </c>
      <c r="AX49" t="str">
        <f>IF(kep!AW48="","",kep!AW48)</f>
        <v/>
      </c>
      <c r="AY49" t="str">
        <f>IF(kep!AX48="","",kep!AX48)</f>
        <v/>
      </c>
    </row>
    <row r="50" spans="2:51" x14ac:dyDescent="0.25">
      <c r="B50" t="str">
        <f>IF(kep!A49="","",kep!A49)</f>
        <v/>
      </c>
      <c r="C50" t="str">
        <f>IF(kep!B49="","",kep!B49)</f>
        <v/>
      </c>
      <c r="D50" t="str">
        <f>IF(kep!C49="","",kep!C49)</f>
        <v/>
      </c>
      <c r="E50" t="str">
        <f>IF(kep!D49="","",kep!D49)</f>
        <v/>
      </c>
      <c r="F50" t="str">
        <f>IF(kep!E49="","",kep!E49)</f>
        <v/>
      </c>
      <c r="G50" t="str">
        <f>IF(kep!F49="","",kep!F49)</f>
        <v/>
      </c>
      <c r="H50" t="str">
        <f>IF(kep!G49="","",kep!G49)</f>
        <v/>
      </c>
      <c r="I50" t="str">
        <f>IF(kep!H49="","",kep!H49)</f>
        <v/>
      </c>
      <c r="J50" t="str">
        <f>IF(kep!I49="","",kep!I49)</f>
        <v/>
      </c>
      <c r="K50" t="str">
        <f>IF(kep!J49="","",kep!J49)</f>
        <v/>
      </c>
      <c r="L50" t="str">
        <f>IF(kep!K49="","",kep!K49)</f>
        <v/>
      </c>
      <c r="M50" t="str">
        <f>IF(kep!L49="","",kep!L49)</f>
        <v/>
      </c>
      <c r="N50" t="str">
        <f>IF(kep!M49="","",kep!M49)</f>
        <v/>
      </c>
      <c r="O50" t="str">
        <f>IF(kep!N49="","",kep!N49)</f>
        <v/>
      </c>
      <c r="P50" t="str">
        <f>IF(kep!O49="","",kep!O49)</f>
        <v/>
      </c>
      <c r="Q50" t="str">
        <f>IF(kep!P49="","",kep!P49)</f>
        <v/>
      </c>
      <c r="R50" t="str">
        <f>IF(kep!Q49="","",kep!Q49)</f>
        <v/>
      </c>
      <c r="S50" t="str">
        <f>IF(kep!R49="","",kep!R49)</f>
        <v/>
      </c>
      <c r="T50" t="str">
        <f>IF(kep!S49="","",kep!S49)</f>
        <v/>
      </c>
      <c r="U50" t="str">
        <f>IF(kep!T49="","",kep!T49)</f>
        <v/>
      </c>
      <c r="V50" t="str">
        <f>IF(kep!U49="","",kep!U49)</f>
        <v/>
      </c>
      <c r="W50" t="str">
        <f>IF(kep!V49="","",kep!V49)</f>
        <v/>
      </c>
      <c r="X50" t="str">
        <f>IF(kep!W49="","",kep!W49)</f>
        <v/>
      </c>
      <c r="Y50" t="str">
        <f>IF(kep!X49="","",kep!X49)</f>
        <v/>
      </c>
      <c r="Z50" t="str">
        <f>IF(kep!Y49="","",kep!Y49)</f>
        <v/>
      </c>
      <c r="AA50" t="str">
        <f>IF(kep!Z49="","",kep!Z49)</f>
        <v/>
      </c>
      <c r="AB50" t="str">
        <f>IF(kep!AA49="","",kep!AA49)</f>
        <v/>
      </c>
      <c r="AC50" t="str">
        <f>IF(kep!AB49="","",kep!AB49)</f>
        <v/>
      </c>
      <c r="AD50" t="str">
        <f>IF(kep!AC49="","",kep!AC49)</f>
        <v/>
      </c>
      <c r="AE50" t="str">
        <f>IF(kep!AD49="","",kep!AD49)</f>
        <v/>
      </c>
      <c r="AF50" t="str">
        <f>IF(kep!AE49="","",kep!AE49)</f>
        <v/>
      </c>
      <c r="AG50" t="str">
        <f>IF(kep!AF49="","",kep!AF49)</f>
        <v/>
      </c>
      <c r="AH50" t="str">
        <f>IF(kep!AG49="","",kep!AG49)</f>
        <v/>
      </c>
      <c r="AI50" t="str">
        <f>IF(kep!AH49="","",kep!AH49)</f>
        <v/>
      </c>
      <c r="AJ50" t="str">
        <f>IF(kep!AI49="","",kep!AI49)</f>
        <v/>
      </c>
      <c r="AK50" t="str">
        <f>IF(kep!AJ49="","",kep!AJ49)</f>
        <v/>
      </c>
      <c r="AL50" t="str">
        <f>IF(kep!AK49="","",kep!AK49)</f>
        <v/>
      </c>
      <c r="AM50" t="str">
        <f>IF(kep!AL49="","",kep!AL49)</f>
        <v/>
      </c>
      <c r="AN50" t="str">
        <f>IF(kep!AM49="","",kep!AM49)</f>
        <v/>
      </c>
      <c r="AO50" t="str">
        <f>IF(kep!AN49="","",kep!AN49)</f>
        <v/>
      </c>
      <c r="AP50" t="str">
        <f>IF(kep!AO49="","",kep!AO49)</f>
        <v/>
      </c>
      <c r="AQ50" t="str">
        <f>IF(kep!AP49="","",kep!AP49)</f>
        <v/>
      </c>
      <c r="AR50" t="str">
        <f>IF(kep!AQ49="","",kep!AQ49)</f>
        <v/>
      </c>
      <c r="AS50" t="str">
        <f>IF(kep!AR49="","",kep!AR49)</f>
        <v/>
      </c>
      <c r="AT50" t="str">
        <f>IF(kep!AS49="","",kep!AS49)</f>
        <v/>
      </c>
      <c r="AU50" t="str">
        <f>IF(kep!AT49="","",kep!AT49)</f>
        <v/>
      </c>
      <c r="AV50" t="str">
        <f>IF(kep!AU49="","",kep!AU49)</f>
        <v/>
      </c>
      <c r="AW50" t="str">
        <f>IF(kep!AV49="","",kep!AV49)</f>
        <v/>
      </c>
      <c r="AX50" t="str">
        <f>IF(kep!AW49="","",kep!AW49)</f>
        <v/>
      </c>
      <c r="AY50" t="str">
        <f>IF(kep!AX49="","",kep!AX49)</f>
        <v/>
      </c>
    </row>
    <row r="51" spans="2:51" x14ac:dyDescent="0.25">
      <c r="B51" t="str">
        <f>IF(kep!A50="","",kep!A50)</f>
        <v/>
      </c>
      <c r="C51" t="str">
        <f>IF(kep!B50="","",kep!B50)</f>
        <v/>
      </c>
      <c r="D51" t="str">
        <f>IF(kep!C50="","",kep!C50)</f>
        <v/>
      </c>
      <c r="E51" t="str">
        <f>IF(kep!D50="","",kep!D50)</f>
        <v/>
      </c>
      <c r="F51" t="str">
        <f>IF(kep!E50="","",kep!E50)</f>
        <v/>
      </c>
      <c r="G51" t="str">
        <f>IF(kep!F50="","",kep!F50)</f>
        <v/>
      </c>
      <c r="H51" t="str">
        <f>IF(kep!G50="","",kep!G50)</f>
        <v/>
      </c>
      <c r="I51" t="str">
        <f>IF(kep!H50="","",kep!H50)</f>
        <v/>
      </c>
      <c r="J51" t="str">
        <f>IF(kep!I50="","",kep!I50)</f>
        <v/>
      </c>
      <c r="K51" t="str">
        <f>IF(kep!J50="","",kep!J50)</f>
        <v/>
      </c>
      <c r="L51" t="str">
        <f>IF(kep!K50="","",kep!K50)</f>
        <v/>
      </c>
      <c r="M51" t="str">
        <f>IF(kep!L50="","",kep!L50)</f>
        <v/>
      </c>
      <c r="N51" t="str">
        <f>IF(kep!M50="","",kep!M50)</f>
        <v/>
      </c>
      <c r="O51" t="str">
        <f>IF(kep!N50="","",kep!N50)</f>
        <v/>
      </c>
      <c r="P51" t="str">
        <f>IF(kep!O50="","",kep!O50)</f>
        <v/>
      </c>
      <c r="Q51" t="str">
        <f>IF(kep!P50="","",kep!P50)</f>
        <v/>
      </c>
      <c r="R51" t="str">
        <f>IF(kep!Q50="","",kep!Q50)</f>
        <v/>
      </c>
      <c r="S51" t="str">
        <f>IF(kep!R50="","",kep!R50)</f>
        <v/>
      </c>
      <c r="T51" t="str">
        <f>IF(kep!S50="","",kep!S50)</f>
        <v/>
      </c>
      <c r="U51" t="str">
        <f>IF(kep!T50="","",kep!T50)</f>
        <v/>
      </c>
      <c r="V51" t="str">
        <f>IF(kep!U50="","",kep!U50)</f>
        <v/>
      </c>
      <c r="W51" t="str">
        <f>IF(kep!V50="","",kep!V50)</f>
        <v/>
      </c>
      <c r="X51" t="str">
        <f>IF(kep!W50="","",kep!W50)</f>
        <v/>
      </c>
      <c r="Y51" t="str">
        <f>IF(kep!X50="","",kep!X50)</f>
        <v/>
      </c>
      <c r="Z51" t="str">
        <f>IF(kep!Y50="","",kep!Y50)</f>
        <v/>
      </c>
      <c r="AA51" t="str">
        <f>IF(kep!Z50="","",kep!Z50)</f>
        <v/>
      </c>
      <c r="AB51" t="str">
        <f>IF(kep!AA50="","",kep!AA50)</f>
        <v/>
      </c>
      <c r="AC51" t="str">
        <f>IF(kep!AB50="","",kep!AB50)</f>
        <v/>
      </c>
      <c r="AD51" t="str">
        <f>IF(kep!AC50="","",kep!AC50)</f>
        <v/>
      </c>
      <c r="AE51" t="str">
        <f>IF(kep!AD50="","",kep!AD50)</f>
        <v/>
      </c>
      <c r="AF51" t="str">
        <f>IF(kep!AE50="","",kep!AE50)</f>
        <v/>
      </c>
      <c r="AG51" t="str">
        <f>IF(kep!AF50="","",kep!AF50)</f>
        <v/>
      </c>
      <c r="AH51" t="str">
        <f>IF(kep!AG50="","",kep!AG50)</f>
        <v/>
      </c>
      <c r="AI51" t="str">
        <f>IF(kep!AH50="","",kep!AH50)</f>
        <v/>
      </c>
      <c r="AJ51" t="str">
        <f>IF(kep!AI50="","",kep!AI50)</f>
        <v/>
      </c>
      <c r="AK51" t="str">
        <f>IF(kep!AJ50="","",kep!AJ50)</f>
        <v/>
      </c>
      <c r="AL51" t="str">
        <f>IF(kep!AK50="","",kep!AK50)</f>
        <v/>
      </c>
      <c r="AM51" t="str">
        <f>IF(kep!AL50="","",kep!AL50)</f>
        <v/>
      </c>
      <c r="AN51" t="str">
        <f>IF(kep!AM50="","",kep!AM50)</f>
        <v/>
      </c>
      <c r="AO51" t="str">
        <f>IF(kep!AN50="","",kep!AN50)</f>
        <v/>
      </c>
      <c r="AP51" t="str">
        <f>IF(kep!AO50="","",kep!AO50)</f>
        <v/>
      </c>
      <c r="AQ51" t="str">
        <f>IF(kep!AP50="","",kep!AP50)</f>
        <v/>
      </c>
      <c r="AR51" t="str">
        <f>IF(kep!AQ50="","",kep!AQ50)</f>
        <v/>
      </c>
      <c r="AS51" t="str">
        <f>IF(kep!AR50="","",kep!AR50)</f>
        <v/>
      </c>
      <c r="AT51" t="str">
        <f>IF(kep!AS50="","",kep!AS50)</f>
        <v/>
      </c>
      <c r="AU51" t="str">
        <f>IF(kep!AT50="","",kep!AT50)</f>
        <v/>
      </c>
      <c r="AV51" t="str">
        <f>IF(kep!AU50="","",kep!AU50)</f>
        <v/>
      </c>
      <c r="AW51" t="str">
        <f>IF(kep!AV50="","",kep!AV50)</f>
        <v/>
      </c>
      <c r="AX51" t="str">
        <f>IF(kep!AW50="","",kep!AW50)</f>
        <v/>
      </c>
      <c r="AY51" t="str">
        <f>IF(kep!AX50="","",kep!AX50)</f>
        <v/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881AC5-AE6C-4BE7-8B05-5779D7D6F1BB}">
  <dimension ref="A1:E13"/>
  <sheetViews>
    <sheetView workbookViewId="0">
      <selection sqref="A1:A2"/>
    </sheetView>
  </sheetViews>
  <sheetFormatPr defaultRowHeight="15" x14ac:dyDescent="0.25"/>
  <cols>
    <col min="1" max="1" width="16.7109375" style="1" customWidth="1"/>
    <col min="2" max="2" width="21.7109375" customWidth="1"/>
    <col min="3" max="3" width="41.5703125" customWidth="1"/>
    <col min="4" max="4" width="10.28515625" bestFit="1" customWidth="1"/>
  </cols>
  <sheetData>
    <row r="1" spans="1:5" x14ac:dyDescent="0.25">
      <c r="A1" s="13" t="s">
        <v>3</v>
      </c>
      <c r="B1" s="2" t="s">
        <v>0</v>
      </c>
      <c r="C1" s="3" t="s">
        <v>1</v>
      </c>
    </row>
    <row r="2" spans="1:5" x14ac:dyDescent="0.25">
      <c r="A2" s="13"/>
      <c r="B2" s="4">
        <v>12</v>
      </c>
      <c r="C2" s="4" t="str">
        <f>IF(COUNTIF(kep!A1:AX50,eredmeny!B2)&gt;0,"Van ","Nincs ")&amp;eredmeny!B2&amp;" sz. baktérium."</f>
        <v>Van 12 sz. baktérium.</v>
      </c>
    </row>
    <row r="3" spans="1:5" ht="30" x14ac:dyDescent="0.25">
      <c r="A3" s="7" t="s">
        <v>4</v>
      </c>
      <c r="B3" s="6" t="s">
        <v>2</v>
      </c>
      <c r="C3" s="5">
        <f t="array" ref="C3">SUM(IF(FREQUENCY(kep!A1:AX50,kep!A1:AX50)&gt;0,1,0))</f>
        <v>19</v>
      </c>
    </row>
    <row r="4" spans="1:5" ht="30" x14ac:dyDescent="0.25">
      <c r="A4" s="7" t="s">
        <v>5</v>
      </c>
      <c r="B4" s="8" t="s">
        <v>6</v>
      </c>
      <c r="C4" s="5">
        <f t="array" ref="C4">MAX(IF(kep!A1:AX50="",0,IF(COUNTIF(kep!A1:AX50,kep!A1:AX50)=MAX(FREQUENCY(kep!A1:AX50,kep!A1:AX50)),kep!A1:AX50,0)))</f>
        <v>7</v>
      </c>
    </row>
    <row r="5" spans="1:5" x14ac:dyDescent="0.25">
      <c r="A5" s="13" t="s">
        <v>7</v>
      </c>
      <c r="B5" s="9" t="s">
        <v>10</v>
      </c>
      <c r="C5" s="10">
        <f t="array" ref="C5">MAX(IF(ISNUMBER(kep!A1:AX50),COLUMN(kep!A1:AX50)))-MIN(IF(ISNUMBER(kep!A1:AX50),COLUMN(kep!A1:AX50)))+1</f>
        <v>41</v>
      </c>
    </row>
    <row r="6" spans="1:5" x14ac:dyDescent="0.25">
      <c r="A6" s="13"/>
      <c r="B6" s="9" t="s">
        <v>11</v>
      </c>
      <c r="C6" s="10">
        <f t="array" ref="C6">MAX(IF(ISNUMBER(kep!A1:AX50),ROW(kep!A1:AX50)))-MIN(IF(ISNUMBER(kep!A1:AX50),ROW(kep!A1:AX50)))+1</f>
        <v>45</v>
      </c>
      <c r="D6" s="12"/>
      <c r="E6" s="12"/>
    </row>
    <row r="7" spans="1:5" x14ac:dyDescent="0.25">
      <c r="A7" s="7" t="s">
        <v>8</v>
      </c>
      <c r="B7" s="9" t="s">
        <v>9</v>
      </c>
      <c r="C7" s="11">
        <f t="array" aca="1" ref="C7" ca="1">IF(MAX(IF(szamolas!B2:AY51="","",IF(OFFSET(szamolas!B2:AY51,-1,0)&lt;&gt;szamolas!B2:AY51,IF(OFFSET(szamolas!B2:AY51,-1,0)=""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,1)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)))&gt;0,MAX(IF(IF(szamolas!B2:AY51="","",IF(OFFSET(szamolas!B2:AY51,-1,0)&lt;&gt;szamolas!B2:AY51,IF(OFFSET(szamolas!B2:AY51,-1,0)=""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,1)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))=1,szamolas!B2:AY51&amp;100+OFFSET(szamolas!B2:AY51,-1,0),IF(IF(szamolas!B2:AY51="","",IF(OFFSET(szamolas!B2:AY51,-1,0)&lt;&gt;szamolas!B2:AY51,IF(OFFSET(szamolas!B2:AY51,-1,0)=""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,1)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))=3,OFFSET(szamolas!B2:AY51,1,0)*100+szamolas!B2:AY51,IF(IF(szamolas!B2:AY51="","",IF(OFFSET(szamolas!B2:AY51,-1,0)&lt;&gt;szamolas!B2:AY51,IF(OFFSET(szamolas!B2:AY51,-1,0)=""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,1)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))=2,szamolas!B2:AY51*100+OFFSET(szamolas!B2:AY51,0,1),IF(IF(szamolas!B2:AY51="","",IF(OFFSET(szamolas!B2:AY51,-1,0)&lt;&gt;szamolas!B2:AY51,IF(OFFSET(szamolas!B2:AY51,-1,0)=""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,1),IF(OFFSET(szamolas!B2:AY51,1,0)&lt;&gt;szamolas!B2:AY51,IF(OFFSET(szamolas!B2:AY51,1,0)=""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,3),IF(OFFSET(szamolas!B2:AY51,0,1)&lt;&gt;szamolas!B2:AY51,IF(OFFSET(szamolas!B2:AY51,0,1)="",IF(OFFSET(szamolas!B2:AY51,0,-1)&lt;&gt;szamolas!B2:AY51,IF(OFFSET(szamolas!B2:AY51,0,-1)="",0,4),0),2),IF(OFFSET(szamolas!B2:AY51,0,-1)&lt;&gt;szamolas!B2:AY51,IF(OFFSET(szamolas!B2:AY51,0,-1)="",0,4),0)))))=4,OFFSET(szamolas!B2:AY51,0,-1)*100+szamolas!B2:AY51,""))))),"Nincsenek egymással érintkező baktériumok.")</f>
        <v>1202</v>
      </c>
      <c r="D7" s="12"/>
      <c r="E7" s="12"/>
    </row>
    <row r="8" spans="1:5" x14ac:dyDescent="0.25">
      <c r="D8" s="12"/>
      <c r="E8" s="12"/>
    </row>
    <row r="9" spans="1:5" x14ac:dyDescent="0.25">
      <c r="D9" s="12"/>
      <c r="E9" s="12"/>
    </row>
    <row r="10" spans="1:5" x14ac:dyDescent="0.25">
      <c r="D10" s="12"/>
      <c r="E10" s="12"/>
    </row>
    <row r="11" spans="1:5" x14ac:dyDescent="0.25">
      <c r="D11" s="12"/>
      <c r="E11" s="12"/>
    </row>
    <row r="12" spans="1:5" x14ac:dyDescent="0.25">
      <c r="D12" s="12"/>
      <c r="E12" s="12"/>
    </row>
    <row r="13" spans="1:5" x14ac:dyDescent="0.25">
      <c r="D13" s="12"/>
      <c r="E13" s="12"/>
    </row>
  </sheetData>
  <mergeCells count="2">
    <mergeCell ref="A1:A2"/>
    <mergeCell ref="A5:A6"/>
  </mergeCells>
  <dataValidations disablePrompts="1" count="1">
    <dataValidation type="whole" allowBlank="1" showInputMessage="1" showErrorMessage="1" sqref="B2" xr:uid="{A635C2E7-537F-4F37-AD70-C637D203D384}">
      <formula1>1</formula1>
      <formula2>50</formula2>
    </dataValidation>
  </dataValidation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3</vt:i4>
      </vt:variant>
    </vt:vector>
  </HeadingPairs>
  <TitlesOfParts>
    <vt:vector size="3" baseType="lpstr">
      <vt:lpstr>kep</vt:lpstr>
      <vt:lpstr>szamolas</vt:lpstr>
      <vt:lpstr>eredmen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ci</dc:creator>
  <cp:lastModifiedBy>Marci</cp:lastModifiedBy>
  <dcterms:created xsi:type="dcterms:W3CDTF">2015-06-05T18:19:34Z</dcterms:created>
  <dcterms:modified xsi:type="dcterms:W3CDTF">2019-10-09T16:15:49Z</dcterms:modified>
</cp:coreProperties>
</file>